
<file path=[Content_Types].xml><?xml version="1.0" encoding="utf-8"?>
<Types xmlns="http://schemas.openxmlformats.org/package/2006/content-types">
  <Default Extension="jpeg" ContentType="image/jpeg"/>
  <Default Extension="rels" ContentType="application/vnd.openxmlformats-package.relationships+xml"/>
  <Default Extension="tmp" ContentType="image/p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3648" r:id="rId5"/>
  </p:sldMasterIdLst>
  <p:sldIdLst>
    <p:sldId id="257" r:id="rId6"/>
    <p:sldId id="268" r:id="rId7"/>
    <p:sldId id="256" r:id="rId8"/>
    <p:sldId id="258" r:id="rId9"/>
    <p:sldId id="259" r:id="rId10"/>
    <p:sldId id="261" r:id="rId11"/>
    <p:sldId id="262" r:id="rId12"/>
    <p:sldId id="263" r:id="rId13"/>
    <p:sldId id="264" r:id="rId14"/>
    <p:sldId id="265" r:id="rId15"/>
    <p:sldId id="266" r:id="rId16"/>
    <p:sldId id="269" r:id="rId17"/>
    <p:sldId id="267" r:id="rId18"/>
  </p:sldIdLst>
  <p:sldSz cx="14630400" cy="8229600"/>
  <p:notesSz cx="6858000" cy="9144000"/>
  <p:custDataLst>
    <p:tags r:id="rId19"/>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202" userDrawn="1">
          <p15:clr>
            <a:srgbClr val="A4A3A4"/>
          </p15:clr>
        </p15:guide>
        <p15:guide id="2" orient="horz" pos="1405" userDrawn="1">
          <p15:clr>
            <a:srgbClr val="A4A3A4"/>
          </p15:clr>
        </p15:guide>
        <p15:guide id="3" orient="horz" pos="2716" userDrawn="1">
          <p15:clr>
            <a:srgbClr val="A4A3A4"/>
          </p15:clr>
        </p15:guide>
        <p15:guide id="4" orient="horz" pos="3082" userDrawn="1">
          <p15:clr>
            <a:srgbClr val="A4A3A4"/>
          </p15:clr>
        </p15:guide>
        <p15:guide id="5" orient="horz" pos="4393" userDrawn="1">
          <p15:clr>
            <a:srgbClr val="A4A3A4"/>
          </p15:clr>
        </p15:guide>
        <p15:guide id="6" orient="horz" pos="4543" userDrawn="1">
          <p15:clr>
            <a:srgbClr val="A4A3A4"/>
          </p15:clr>
        </p15:guide>
        <p15:guide id="7" pos="438" userDrawn="1">
          <p15:clr>
            <a:srgbClr val="A4A3A4"/>
          </p15:clr>
        </p15:guide>
        <p15:guide id="8" pos="4360" userDrawn="1">
          <p15:clr>
            <a:srgbClr val="A4A3A4"/>
          </p15:clr>
        </p15:guide>
        <p15:guide id="9" pos="4858" userDrawn="1">
          <p15:clr>
            <a:srgbClr val="A4A3A4"/>
          </p15:clr>
        </p15:guide>
        <p15:guide id="10" pos="8784"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rgbClr val="E9E7E5"/>
              </a:solidFill>
            </a:ln>
          </a:left>
          <a:right>
            <a:ln w="0" cmpd="sng">
              <a:solidFill>
                <a:srgbClr val="E9E7E5"/>
              </a:solidFill>
            </a:ln>
          </a:right>
          <a:top>
            <a:ln w="0" cmpd="sng">
              <a:solidFill>
                <a:srgbClr val="E9E7E5"/>
              </a:solidFill>
            </a:ln>
          </a:top>
          <a:bottom>
            <a:ln w="0" cmpd="sng">
              <a:solidFill>
                <a:srgbClr val="E9E7E5"/>
              </a:solidFill>
            </a:ln>
          </a:bottom>
          <a:insideH>
            <a:ln>
              <a:noFill/>
            </a:ln>
          </a:insideH>
          <a:insideV>
            <a:ln w="57150" cmpd="sng">
              <a:solidFill>
                <a:srgbClr val="FFFFFF"/>
              </a:solidFill>
            </a:ln>
          </a:insideV>
        </a:tcBdr>
        <a:fill>
          <a:solidFill>
            <a:srgbClr val="E9E7E5"/>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noFill/>
        </a:fill>
      </a:tcStyle>
    </a:band1V>
    <a:band2V>
      <a:tcStyle>
        <a:tcBdr/>
        <a:fill>
          <a:solidFill>
            <a:srgbClr val="D9D5CD"/>
          </a:solidFill>
        </a:fill>
      </a:tcStyle>
    </a:band2V>
    <a:firstCol>
      <a:tcTxStyle>
        <a:fontRef idx="minor">
          <a:prstClr val="black"/>
        </a:fontRef>
        <a:schemeClr val="bg1"/>
      </a:tcTxStyle>
      <a:tcStyle>
        <a:tcBdr/>
        <a:fill>
          <a:solidFill>
            <a:schemeClr val="bg2"/>
          </a:solidFill>
        </a:fill>
      </a:tcStyle>
    </a:firstCol>
    <a:firstRow>
      <a:tcTxStyle>
        <a:fontRef idx="minor">
          <a:prstClr val="black"/>
        </a:fontRef>
        <a:schemeClr val="bg1"/>
      </a:tcTxStyle>
      <a:tcStyle>
        <a:tcBdr/>
        <a:fill>
          <a:solidFill>
            <a:schemeClr val="bg2"/>
          </a:solidFill>
        </a:fill>
      </a:tcStyle>
    </a:firstRow>
  </a:tblStyle>
  <a:tblStyle styleId="{640930CC-2DD5-4645-9BF9-1F0F6B9BBA25}" styleName="Standard">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b="on">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firstRow>
      <a:tcTxStyle b="on">
        <a:fontRef idx="minor">
          <a:prstClr val="black"/>
        </a:fontRef>
        <a:schemeClr val="tx2"/>
      </a:tcTxStyle>
      <a:tcStyle>
        <a:tcBdr>
          <a:bottom>
            <a:ln w="6355" cmpd="sng">
              <a:solidFill>
                <a:schemeClr val="tx2"/>
              </a:solidFill>
            </a:ln>
          </a:bottom>
        </a:tcBdr>
        <a:fill>
          <a:noFill/>
        </a:fill>
      </a:tcStyle>
    </a:firstRow>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6350" cmpd="sng">
              <a:solidFill>
                <a:srgbClr val="AFB1B3"/>
              </a:solidFill>
              <a:prstDash val="solid"/>
            </a:ln>
          </a:insideH>
          <a:insideV>
            <a:ln>
              <a:noFill/>
            </a:ln>
          </a:insideV>
        </a:tcBdr>
        <a:fill>
          <a:noFill/>
        </a:fill>
      </a:tcStyle>
    </a:wholeTbl>
    <a:lastRow>
      <a:tcTxStyle>
        <a:fontRef idx="minor">
          <a:prstClr val="black"/>
        </a:fontRef>
        <a:schemeClr val="bg2"/>
      </a:tcTxStyle>
      <a:tcStyle>
        <a:tcBdr>
          <a:bottom>
            <a:ln w="6350" cmpd="sng">
              <a:solidFill>
                <a:srgbClr val="AFB1B3"/>
              </a:solidFill>
              <a:prstDash val="solid"/>
            </a:ln>
          </a:bottom>
        </a:tcBdr>
        <a:fill>
          <a:noFill/>
        </a:fill>
      </a:tcStyle>
    </a:lastRow>
    <a:firstRow>
      <a:tcTxStyle>
        <a:fontRef idx="minor">
          <a:prstClr val="black"/>
        </a:fontRef>
        <a:schemeClr val="bg2"/>
      </a:tcTxStyle>
      <a:tcStyle>
        <a:tcBdr>
          <a:top>
            <a:ln w="6350" cmpd="sng">
              <a:solidFill>
                <a:srgbClr val="AFB1B3"/>
              </a:solidFill>
              <a:prstDash val="solid"/>
            </a:ln>
          </a:top>
        </a:tcBdr>
        <a:fill>
          <a:noFill/>
        </a:fill>
      </a:tcStyle>
    </a:firstRow>
  </a:tblStyle>
  <a:tblStyle styleId="{0CAB58E7-5CDE-43C6-A48B-3C2A836B0257}" styleName="League">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b="on">
        <a:schemeClr val="tx2"/>
      </a:tcTxStyle>
      <a:tcStyle>
        <a:tcBdr>
          <a:bottom>
            <a:ln w="6355" cmpd="sng">
              <a:solidFill>
                <a:schemeClr val="tx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4993" autoAdjust="0"/>
    <p:restoredTop sz="94660"/>
  </p:normalViewPr>
  <p:slideViewPr>
    <p:cSldViewPr snapToGrid="0" snapToObjects="1">
      <p:cViewPr varScale="1">
        <p:scale>
          <a:sx n="60" d="100"/>
          <a:sy n="60" d="100"/>
        </p:scale>
        <p:origin x="864" y="66"/>
      </p:cViewPr>
      <p:guideLst>
        <p:guide orient="horz" pos="1202"/>
        <p:guide orient="horz" pos="1405"/>
        <p:guide orient="horz" pos="2716"/>
        <p:guide orient="horz" pos="3082"/>
        <p:guide orient="horz" pos="4393"/>
        <p:guide orient="horz" pos="4543"/>
        <p:guide pos="438"/>
        <p:guide pos="4360"/>
        <p:guide pos="4858"/>
        <p:guide pos="8784"/>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3" Type="http://schemas.openxmlformats.org/officeDocument/2006/relationships/customXml" Target="../customXml/item3.xml"/><Relationship Id="rId21" Type="http://schemas.openxmlformats.org/officeDocument/2006/relationships/viewProps" Target="viewProps.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presProps" Target="presProp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5" Type="http://schemas.openxmlformats.org/officeDocument/2006/relationships/slideMaster" Target="slideMasters/slideMaster1.xml"/><Relationship Id="rId15" Type="http://schemas.openxmlformats.org/officeDocument/2006/relationships/slide" Target="slides/slide10.xml"/><Relationship Id="rId23" Type="http://schemas.openxmlformats.org/officeDocument/2006/relationships/tableStyles" Target="tableStyles.xml"/><Relationship Id="rId10" Type="http://schemas.openxmlformats.org/officeDocument/2006/relationships/slide" Target="slides/slide5.xml"/><Relationship Id="rId19" Type="http://schemas.openxmlformats.org/officeDocument/2006/relationships/tags" Target="tags/tag1.xml"/><Relationship Id="rId4" Type="http://schemas.openxmlformats.org/officeDocument/2006/relationships/customXml" Target="../customXml/item4.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theme" Target="theme/theme1.xml"/></Relationship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tags" Target="../tags/tag8.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694944" y="3306556"/>
            <a:ext cx="13249656" cy="369332"/>
          </a:xfrm>
        </p:spPr>
        <p:txBody>
          <a:bodyPr vert="horz" wrap="square" lIns="0" tIns="0" rIns="0" bIns="0" anchor="b">
            <a:spAutoFit/>
          </a:bodyPr>
          <a:lstStyle>
            <a:lvl1pPr algn="l">
              <a:spcBef>
                <a:spcPct val="9500"/>
              </a:spcBef>
              <a:buFontTx/>
              <a:buNone/>
              <a:defRPr sz="2400" b="0" i="0">
                <a:solidFill>
                  <a:schemeClr val="tx2"/>
                </a:solidFill>
                <a:latin typeface="AmplitudeTF" panose="02000506050000020004" pitchFamily="50" charset="0"/>
              </a:defRPr>
            </a:lvl1pPr>
          </a:lstStyle>
          <a:p>
            <a:r>
              <a:rPr lang="en-US"/>
              <a:t>[Presentation title]</a:t>
            </a:r>
          </a:p>
        </p:txBody>
      </p:sp>
      <p:cxnSp>
        <p:nvCxnSpPr>
          <p:cNvPr id="4" name="Straight Connector 3"/>
          <p:cNvCxnSpPr/>
          <p:nvPr userDrawn="1"/>
        </p:nvCxnSpPr>
        <p:spPr>
          <a:xfrm>
            <a:off x="694944" y="923544"/>
            <a:ext cx="13249656"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694944" y="3922776"/>
            <a:ext cx="4379976" cy="384048"/>
          </a:xfrm>
        </p:spPr>
        <p:txBody>
          <a:bodyPr vert="horz" wrap="none" lIns="0" tIns="0" rIns="0" bIns="0" anchor="t">
            <a:noAutofit/>
          </a:bodyPr>
          <a:lstStyle>
            <a:lvl1pPr marL="0" indent="0" algn="l">
              <a:spcBef>
                <a:spcPts val="10"/>
              </a:spcBef>
              <a:buFontTx/>
              <a:buNone/>
              <a:defRPr sz="1400" b="1" i="0">
                <a:solidFill>
                  <a:schemeClr val="bg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6" name="PresentationContact"/>
          <p:cNvSpPr>
            <a:spLocks noGrp="1"/>
          </p:cNvSpPr>
          <p:nvPr>
            <p:ph type="body" sz="quarter" idx="12" hasCustomPrompt="1"/>
          </p:nvPr>
        </p:nvSpPr>
        <p:spPr>
          <a:xfrm>
            <a:off x="694944" y="6199632"/>
            <a:ext cx="5989320" cy="969264"/>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mplitudeTF" panose="02000506050000020004" pitchFamily="50"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cxnSp>
        <p:nvCxnSpPr>
          <p:cNvPr id="7" name="Straight Connector 6"/>
          <p:cNvCxnSpPr/>
          <p:nvPr userDrawn="1"/>
        </p:nvCxnSpPr>
        <p:spPr>
          <a:xfrm>
            <a:off x="694944" y="7232904"/>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8" name="ConfidentialInternal"/>
          <p:cNvSpPr txBox="1"/>
          <p:nvPr userDrawn="1"/>
        </p:nvSpPr>
        <p:spPr>
          <a:xfrm>
            <a:off x="3502152" y="676656"/>
            <a:ext cx="10442448" cy="192024"/>
          </a:xfrm>
          <a:prstGeom prst="rect">
            <a:avLst/>
          </a:prstGeom>
          <a:noFill/>
        </p:spPr>
        <p:txBody>
          <a:bodyPr vert="horz" wrap="none" lIns="0" tIns="0" rIns="0" bIns="0" rtlCol="0" anchor="ctr">
            <a:noAutofit/>
          </a:bodyPr>
          <a:lstStyle/>
          <a:p>
            <a:pPr algn="r">
              <a:lnSpc>
                <a:spcPct val="110000"/>
              </a:lnSpc>
            </a:pPr>
            <a:endParaRPr lang="en-US" sz="800" b="0" i="0" cap="all" spc="210" dirty="0">
              <a:solidFill>
                <a:schemeClr val="tx2"/>
              </a:solidFill>
              <a:latin typeface="AmplitudeTF" panose="02000506050000020004" pitchFamily="50" charset="0"/>
            </a:endParaRPr>
          </a:p>
        </p:txBody>
      </p:sp>
      <p:sp>
        <p:nvSpPr>
          <p:cNvPr id="9" name="Confidential"/>
          <p:cNvSpPr txBox="1"/>
          <p:nvPr userDrawn="1"/>
        </p:nvSpPr>
        <p:spPr>
          <a:xfrm>
            <a:off x="694944" y="7448897"/>
            <a:ext cx="10442448"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mplitudeTF" panose="02000506050000020004" pitchFamily="50" charset="0"/>
            </a:endParaRPr>
          </a:p>
        </p:txBody>
      </p:sp>
      <p:sp>
        <p:nvSpPr>
          <p:cNvPr id="10" name="PlaceholderDate"/>
          <p:cNvSpPr>
            <a:spLocks noGrp="1"/>
          </p:cNvSpPr>
          <p:nvPr>
            <p:ph type="body" sz="quarter" idx="13" hasCustomPrompt="1"/>
          </p:nvPr>
        </p:nvSpPr>
        <p:spPr>
          <a:xfrm>
            <a:off x="5385816" y="3922776"/>
            <a:ext cx="4379976" cy="384048"/>
          </a:xfrm>
          <a:prstGeom prst="rect">
            <a:avLst/>
          </a:prstGeom>
        </p:spPr>
        <p:txBody>
          <a:bodyPr vert="horz" wrap="none" lIns="0" tIns="0" rIns="0" bIns="0" anchor="t">
            <a:noAutofit/>
          </a:bodyPr>
          <a:lstStyle>
            <a:lvl1pPr marL="3175" indent="0" algn="l">
              <a:spcBef>
                <a:spcPts val="10"/>
              </a:spcBef>
              <a:buFontTx/>
              <a:buNone/>
              <a:defRPr sz="1400" b="0" i="0">
                <a:solidFill>
                  <a:schemeClr val="bg2"/>
                </a:solidFill>
                <a:latin typeface="AmplitudeTF" panose="02000506050000020004" pitchFamily="50"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Date]</a:t>
            </a:r>
          </a:p>
        </p:txBody>
      </p:sp>
    </p:spTree>
    <p:extLst>
      <p:ext uri="{BB962C8B-B14F-4D97-AF65-F5344CB8AC3E}">
        <p14:creationId xmlns:p14="http://schemas.microsoft.com/office/powerpoint/2010/main" val="205218370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wo Left One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2231136"/>
            <a:ext cx="6227064"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84922856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Four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2231136"/>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7717536"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ageSubtitle"/>
          <p:cNvSpPr>
            <a:spLocks noGrp="1"/>
          </p:cNvSpPr>
          <p:nvPr>
            <p:ph type="subTitle" sz="quarter" idx="14"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307580644"/>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One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13249656"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1324965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25296774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Only" preserve="1">
  <p:cSld name="One Top Two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13249656"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714085278"/>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Only" preserve="1">
  <p:cSld name="Two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717536" y="2231136"/>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694944" y="4892040"/>
            <a:ext cx="1324965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090236476"/>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PageSubtitle"/>
          <p:cNvSpPr>
            <a:spLocks noGrp="1"/>
          </p:cNvSpPr>
          <p:nvPr>
            <p:ph type="subTitle" idx="10" hasCustomPrompt="1"/>
          </p:nvPr>
        </p:nvSpPr>
        <p:spPr>
          <a:xfrm>
            <a:off x="694944" y="1408176"/>
            <a:ext cx="13249656" cy="384048"/>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343170731"/>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10319161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694944" y="2807208"/>
            <a:ext cx="13249656" cy="164592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mplitudeTF" panose="02000506050000020004" pitchFamily="50" charset="0"/>
              </a:defRPr>
            </a:lvl1pPr>
          </a:lstStyle>
          <a:p>
            <a:r>
              <a:rPr lang="en-US"/>
              <a:t>Click to edit Section Divider title</a:t>
            </a:r>
          </a:p>
        </p:txBody>
      </p:sp>
      <p:cxnSp>
        <p:nvCxnSpPr>
          <p:cNvPr id="4" name="Straight Connector 3"/>
          <p:cNvCxnSpPr/>
          <p:nvPr userDrawn="1"/>
        </p:nvCxnSpPr>
        <p:spPr>
          <a:xfrm>
            <a:off x="694944" y="923544"/>
            <a:ext cx="13249656"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ageSubtitle"/>
          <p:cNvSpPr>
            <a:spLocks noGrp="1"/>
          </p:cNvSpPr>
          <p:nvPr>
            <p:ph type="subTitle" idx="11" hasCustomPrompt="1"/>
          </p:nvPr>
        </p:nvSpPr>
        <p:spPr>
          <a:xfrm>
            <a:off x="694944" y="4599432"/>
            <a:ext cx="13249656" cy="438912"/>
          </a:xfrm>
        </p:spPr>
        <p:txBody>
          <a:bodyPr vert="horz" wrap="square" lIns="0" tIns="0" rIns="0" bIns="0" anchor="t">
            <a:noAutofit/>
          </a:bodyPr>
          <a:lstStyle>
            <a:lvl1pPr marL="0" indent="0" algn="l">
              <a:lnSpc>
                <a:spcPct val="110000"/>
              </a:lnSpc>
              <a:spcBef>
                <a:spcPts val="910"/>
              </a:spcBef>
              <a:buFontTx/>
              <a:buNone/>
              <a:defRPr sz="1400" b="1" i="0">
                <a:solidFill>
                  <a:schemeClr val="bg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cxnSp>
        <p:nvCxnSpPr>
          <p:cNvPr id="6" name="Straight Connector 5"/>
          <p:cNvCxnSpPr/>
          <p:nvPr userDrawn="1"/>
        </p:nvCxnSpPr>
        <p:spPr>
          <a:xfrm>
            <a:off x="694944" y="7214616"/>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8" name="Confidential"/>
          <p:cNvSpPr txBox="1"/>
          <p:nvPr userDrawn="1"/>
        </p:nvSpPr>
        <p:spPr>
          <a:xfrm>
            <a:off x="3502152" y="7430608"/>
            <a:ext cx="10442448"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9" name="PageNumber"/>
          <p:cNvSpPr txBox="1"/>
          <p:nvPr userDrawn="1"/>
        </p:nvSpPr>
        <p:spPr>
          <a:xfrm>
            <a:off x="7150608" y="7532992"/>
            <a:ext cx="329184" cy="140488"/>
          </a:xfrm>
          <a:prstGeom prst="rect">
            <a:avLst/>
          </a:prstGeom>
          <a:noFill/>
        </p:spPr>
        <p:txBody>
          <a:bodyPr vert="horz" wrap="square" lIns="0" tIns="0" rIns="0" bIns="0" rtlCol="0" anchor="ctr">
            <a:spAutoFit/>
          </a:bodyPr>
          <a:lstStyle/>
          <a:p>
            <a:pPr algn="l">
              <a:lnSpc>
                <a:spcPct val="110000"/>
              </a:lnSpc>
            </a:pPr>
            <a:endParaRPr lang="en-US" sz="900" b="0" i="0" dirty="0">
              <a:solidFill>
                <a:schemeClr val="tx2"/>
              </a:solidFill>
              <a:latin typeface="Arial" panose="020B0604020202020204" pitchFamily="34" charset="0"/>
            </a:endParaRPr>
          </a:p>
        </p:txBody>
      </p:sp>
      <p:sp>
        <p:nvSpPr>
          <p:cNvPr id="2" name="Rectangle 1">
            <a:extLst>
              <a:ext uri="{FF2B5EF4-FFF2-40B4-BE49-F238E27FC236}">
                <a16:creationId xmlns:a16="http://schemas.microsoft.com/office/drawing/2014/main" id="{A1CBBF7C-9939-4EFF-9C8D-A4BB45E9F46E}"/>
              </a:ext>
            </a:extLst>
          </p:cNvPr>
          <p:cNvSpPr>
            <a:spLocks noChangeAspect="1"/>
          </p:cNvSpPr>
          <p:nvPr userDrawn="1">
            <p:custDataLst>
              <p:tags r:id="rId1"/>
            </p:custDataLst>
          </p:nvPr>
        </p:nvSpPr>
        <p:spPr>
          <a:xfrm>
            <a:off x="10632094" y="7443216"/>
            <a:ext cx="3303362" cy="222199"/>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extLst>
      <p:ext uri="{BB962C8B-B14F-4D97-AF65-F5344CB8AC3E}">
        <p14:creationId xmlns:p14="http://schemas.microsoft.com/office/powerpoint/2010/main" val="2355034412"/>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AgendaLabel"/>
          <p:cNvSpPr txBox="1"/>
          <p:nvPr userDrawn="1">
            <p:custDataLst>
              <p:tags r:id="rId1"/>
            </p:custDataLst>
          </p:nvPr>
        </p:nvSpPr>
        <p:spPr>
          <a:xfrm>
            <a:off x="694944" y="484632"/>
            <a:ext cx="13249656" cy="722376"/>
          </a:xfrm>
          <a:prstGeom prst="rect">
            <a:avLst/>
          </a:prstGeom>
          <a:noFill/>
        </p:spPr>
        <p:txBody>
          <a:bodyPr vert="horz" wrap="square" lIns="0" tIns="0" rIns="0" bIns="0" rtlCol="0" anchor="b">
            <a:noAutofit/>
          </a:bodyPr>
          <a:lstStyle/>
          <a:p>
            <a:pPr algn="l">
              <a:lnSpc>
                <a:spcPct val="110000"/>
              </a:lnSpc>
            </a:pPr>
            <a:r>
              <a:rPr lang="en-US" sz="1800" b="0" i="0" dirty="0">
                <a:solidFill>
                  <a:schemeClr val="tx2"/>
                </a:solidFill>
                <a:latin typeface="AmplitudeTF" panose="02000506050000020004" pitchFamily="50" charset="0"/>
              </a:rPr>
              <a:t>Agenda</a:t>
            </a:r>
          </a:p>
        </p:txBody>
      </p:sp>
      <p:sp>
        <p:nvSpPr>
          <p:cNvPr id="4" name="AgendaPage"/>
          <p:cNvSpPr txBox="1"/>
          <p:nvPr userDrawn="1">
            <p:custDataLst>
              <p:tags r:id="rId2"/>
            </p:custDataLst>
          </p:nvPr>
        </p:nvSpPr>
        <p:spPr>
          <a:xfrm>
            <a:off x="13555072" y="1773936"/>
            <a:ext cx="389529" cy="295337"/>
          </a:xfrm>
          <a:prstGeom prst="rect">
            <a:avLst/>
          </a:prstGeom>
          <a:noFill/>
        </p:spPr>
        <p:txBody>
          <a:bodyPr vert="horz" wrap="none" lIns="0" tIns="45720" rIns="0" bIns="45720" rtlCol="0" anchor="t">
            <a:spAutoFit/>
          </a:bodyPr>
          <a:lstStyle/>
          <a:p>
            <a:pPr algn="r">
              <a:lnSpc>
                <a:spcPct val="110000"/>
              </a:lnSpc>
            </a:pPr>
            <a:r>
              <a:rPr lang="en-US" sz="1300" b="0" i="0" dirty="0">
                <a:solidFill>
                  <a:schemeClr val="tx2"/>
                </a:solidFill>
                <a:latin typeface="Arial" panose="020B0604020202020204" pitchFamily="34" charset="0"/>
              </a:rPr>
              <a:t>Page</a:t>
            </a:r>
          </a:p>
        </p:txBody>
      </p:sp>
      <p:sp>
        <p:nvSpPr>
          <p:cNvPr id="5" name="AgendaTable"/>
          <p:cNvSpPr>
            <a:spLocks noGrp="1"/>
          </p:cNvSpPr>
          <p:nvPr>
            <p:ph type="tbl" idx="10"/>
          </p:nvPr>
        </p:nvSpPr>
        <p:spPr>
          <a:xfrm>
            <a:off x="667512" y="2157984"/>
            <a:ext cx="13249656" cy="5321808"/>
          </a:xfrm>
        </p:spPr>
        <p:txBody>
          <a:bodyPr/>
          <a:lstStyle>
            <a:lvl1pPr marL="3175" indent="0">
              <a:buFontTx/>
              <a:buNone/>
              <a:defRPr sz="1300" b="0" i="0">
                <a:solidFill>
                  <a:schemeClr val="bg2"/>
                </a:solidFill>
                <a:latin typeface="AmplitudeTF" panose="02000506050000020004" pitchFamily="50" charset="0"/>
              </a:defRPr>
            </a:lvl1pPr>
          </a:lstStyle>
          <a:p>
            <a:r>
              <a:rPr lang="en-US" dirty="0"/>
              <a:t>Click icon to add table</a:t>
            </a:r>
          </a:p>
        </p:txBody>
      </p:sp>
    </p:spTree>
    <p:extLst>
      <p:ext uri="{BB962C8B-B14F-4D97-AF65-F5344CB8AC3E}">
        <p14:creationId xmlns:p14="http://schemas.microsoft.com/office/powerpoint/2010/main" val="1705890376"/>
      </p:ext>
    </p:extLst>
  </p:cSld>
  <p:clrMapOvr>
    <a:masterClrMapping/>
  </p:clrMapOvr>
  <p:hf sldNum="0" hdr="0" ftr="0" dt="0"/>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type="body" idx="10"/>
          </p:nvPr>
        </p:nvSpPr>
        <p:spPr>
          <a:xfrm>
            <a:off x="694944" y="1911096"/>
            <a:ext cx="13249656" cy="5321808"/>
          </a:xfrm>
        </p:spPr>
        <p:txBody>
          <a:bodyPr vert="horz" wrap="square" lIns="91440" tIns="36576" rIns="36576" bIns="36576" anchor="t">
            <a:noAutofit/>
          </a:bodyPr>
          <a:lstStyle>
            <a:lvl1pPr marL="3175" indent="0" algn="l">
              <a:lnSpc>
                <a:spcPct val="110000"/>
              </a:lnSpc>
              <a:spcBef>
                <a:spcPct val="0"/>
              </a:spcBef>
              <a:buFontTx/>
              <a:buNone/>
              <a:defRPr sz="1200" b="0" i="0">
                <a:solidFill>
                  <a:schemeClr val="tx2"/>
                </a:solidFill>
                <a:latin typeface="AmplitudeTF" panose="02000506050000020004" pitchFamily="50" charset="0"/>
              </a:defRPr>
            </a:lvl1pPr>
            <a:lvl2pPr marL="27432" indent="0" algn="l">
              <a:lnSpc>
                <a:spcPct val="110000"/>
              </a:lnSpc>
              <a:spcBef>
                <a:spcPct val="0"/>
              </a:spcBef>
              <a:buFontTx/>
              <a:buNone/>
              <a:defRPr sz="1200" b="0" i="0">
                <a:solidFill>
                  <a:schemeClr val="tx2"/>
                </a:solidFill>
                <a:latin typeface="AmplitudeTF" panose="02000506050000020004" pitchFamily="50" charset="0"/>
              </a:defRPr>
            </a:lvl2pPr>
            <a:lvl3pPr marL="173736" indent="0" algn="l">
              <a:lnSpc>
                <a:spcPct val="110000"/>
              </a:lnSpc>
              <a:spcBef>
                <a:spcPct val="0"/>
              </a:spcBef>
              <a:buFontTx/>
              <a:buNone/>
              <a:defRPr sz="1200" b="0" i="0">
                <a:solidFill>
                  <a:schemeClr val="tx2"/>
                </a:solidFill>
                <a:latin typeface="AmplitudeTF" panose="02000506050000020004" pitchFamily="50" charset="0"/>
              </a:defRPr>
            </a:lvl3pPr>
            <a:lvl4pPr marL="338328" indent="0" algn="l">
              <a:lnSpc>
                <a:spcPct val="110000"/>
              </a:lnSpc>
              <a:spcBef>
                <a:spcPct val="0"/>
              </a:spcBef>
              <a:buFontTx/>
              <a:buNone/>
              <a:defRPr sz="1200" b="0" i="0">
                <a:solidFill>
                  <a:schemeClr val="tx2"/>
                </a:solidFill>
                <a:latin typeface="AmplitudeTF" panose="02000506050000020004" pitchFamily="50" charset="0"/>
              </a:defRPr>
            </a:lvl4pPr>
            <a:lvl5pPr marL="502920" indent="0" algn="l">
              <a:lnSpc>
                <a:spcPct val="110000"/>
              </a:lnSpc>
              <a:spcBef>
                <a:spcPct val="0"/>
              </a:spcBef>
              <a:buFontTx/>
              <a:buNone/>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02893150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Cover Page B">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694944" y="4215384"/>
            <a:ext cx="13249656" cy="1453896"/>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mplitudeTF" panose="02000506050000020004" pitchFamily="50" charset="0"/>
              </a:defRPr>
            </a:lvl1pPr>
          </a:lstStyle>
          <a:p>
            <a:r>
              <a:rPr lang="en-US"/>
              <a:t>[Presentation title]</a:t>
            </a:r>
          </a:p>
        </p:txBody>
      </p:sp>
      <p:cxnSp>
        <p:nvCxnSpPr>
          <p:cNvPr id="4" name="Straight Connector 3"/>
          <p:cNvCxnSpPr/>
          <p:nvPr userDrawn="1"/>
        </p:nvCxnSpPr>
        <p:spPr>
          <a:xfrm>
            <a:off x="694944" y="923544"/>
            <a:ext cx="13249656"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694944" y="5760720"/>
            <a:ext cx="4379976" cy="384048"/>
          </a:xfrm>
        </p:spPr>
        <p:txBody>
          <a:bodyPr vert="horz" wrap="none" lIns="0" tIns="0" rIns="0" bIns="0" anchor="t">
            <a:noAutofit/>
          </a:bodyPr>
          <a:lstStyle>
            <a:lvl1pPr marL="0" indent="0" algn="l">
              <a:lnSpc>
                <a:spcPct val="110000"/>
              </a:lnSpc>
              <a:spcBef>
                <a:spcPts val="910"/>
              </a:spcBef>
              <a:buFontTx/>
              <a:buNone/>
              <a:defRPr sz="1400" b="1" i="0">
                <a:solidFill>
                  <a:schemeClr val="bg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cxnSp>
        <p:nvCxnSpPr>
          <p:cNvPr id="6" name="Straight Connector 5"/>
          <p:cNvCxnSpPr/>
          <p:nvPr userDrawn="1"/>
        </p:nvCxnSpPr>
        <p:spPr>
          <a:xfrm>
            <a:off x="694944" y="7232904"/>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PresentationContact"/>
          <p:cNvSpPr>
            <a:spLocks noGrp="1"/>
          </p:cNvSpPr>
          <p:nvPr>
            <p:ph type="body" sz="quarter" idx="12" hasCustomPrompt="1"/>
          </p:nvPr>
        </p:nvSpPr>
        <p:spPr>
          <a:xfrm>
            <a:off x="694944" y="6199632"/>
            <a:ext cx="5989320" cy="969264"/>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mplitudeTF" panose="02000506050000020004" pitchFamily="50"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sp>
        <p:nvSpPr>
          <p:cNvPr id="9" name="Confidential"/>
          <p:cNvSpPr txBox="1"/>
          <p:nvPr userDrawn="1"/>
        </p:nvSpPr>
        <p:spPr>
          <a:xfrm>
            <a:off x="694944" y="7448897"/>
            <a:ext cx="10442448"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mplitudeTF" panose="02000506050000020004" pitchFamily="50" charset="0"/>
            </a:endParaRPr>
          </a:p>
        </p:txBody>
      </p:sp>
      <p:sp>
        <p:nvSpPr>
          <p:cNvPr id="10" name="PlaceholderDate"/>
          <p:cNvSpPr>
            <a:spLocks noGrp="1"/>
          </p:cNvSpPr>
          <p:nvPr>
            <p:ph type="body" sz="quarter" idx="13" hasCustomPrompt="1"/>
          </p:nvPr>
        </p:nvSpPr>
        <p:spPr>
          <a:xfrm>
            <a:off x="704088" y="5760720"/>
            <a:ext cx="4379976" cy="384048"/>
          </a:xfrm>
          <a:prstGeom prst="rect">
            <a:avLst/>
          </a:prstGeom>
        </p:spPr>
        <p:txBody>
          <a:bodyPr vert="horz" wrap="none" lIns="0" tIns="0" rIns="0" bIns="0" anchor="t">
            <a:noAutofit/>
          </a:bodyPr>
          <a:lstStyle>
            <a:lvl1pPr marL="3175" indent="0" algn="l">
              <a:lnSpc>
                <a:spcPct val="110000"/>
              </a:lnSpc>
              <a:spcBef>
                <a:spcPts val="910"/>
              </a:spcBef>
              <a:buFontTx/>
              <a:buNone/>
              <a:defRPr sz="1400" b="0" i="0">
                <a:solidFill>
                  <a:schemeClr val="bg2"/>
                </a:solidFill>
                <a:latin typeface="AmplitudeTF" panose="02000506050000020004" pitchFamily="50"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   [Date]</a:t>
            </a:r>
          </a:p>
        </p:txBody>
      </p:sp>
      <p:sp>
        <p:nvSpPr>
          <p:cNvPr id="11" name="CoverGraphic"/>
          <p:cNvSpPr>
            <a:spLocks noGrp="1"/>
          </p:cNvSpPr>
          <p:nvPr>
            <p:ph type="pic" sz="quarter" idx="14" hasCustomPrompt="1"/>
            <p:custDataLst>
              <p:tags r:id="rId1"/>
            </p:custDataLst>
          </p:nvPr>
        </p:nvSpPr>
        <p:spPr>
          <a:xfrm>
            <a:off x="694944" y="1691640"/>
            <a:ext cx="13249656" cy="2514600"/>
          </a:xfrm>
          <a:prstGeom prst="rect">
            <a:avLst/>
          </a:prstGeom>
        </p:spPr>
        <p:txBody>
          <a:bodyPr vert="horz" wrap="square" lIns="36576" tIns="36576" rIns="36576" bIns="36576" anchor="t">
            <a:noAutofit/>
          </a:bodyPr>
          <a:lstStyle>
            <a:lvl1pPr marL="3175" indent="0" algn="r">
              <a:buFontTx/>
              <a:buNone/>
              <a:defRPr sz="1100" b="0" i="0">
                <a:solidFill>
                  <a:schemeClr val="bg2"/>
                </a:solidFill>
                <a:latin typeface="AmplitudeTF" panose="02000506050000020004" pitchFamily="50" charset="0"/>
              </a:defRPr>
            </a:lvl1pPr>
          </a:lstStyle>
          <a:p>
            <a:r>
              <a:rPr lang="en-US" dirty="0"/>
              <a:t>[COVER GRAPHIC]</a:t>
            </a:r>
          </a:p>
        </p:txBody>
      </p:sp>
    </p:spTree>
    <p:extLst>
      <p:ext uri="{BB962C8B-B14F-4D97-AF65-F5344CB8AC3E}">
        <p14:creationId xmlns:p14="http://schemas.microsoft.com/office/powerpoint/2010/main" val="1045867610"/>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Three Content Tall">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4151376"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239512" y="2231136"/>
            <a:ext cx="4151376"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9793224" y="2231136"/>
            <a:ext cx="4151376"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565573904"/>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Three Content Wid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029968"/>
            <a:ext cx="13249656" cy="1380744"/>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3803904"/>
            <a:ext cx="13249656"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694944" y="5586984"/>
            <a:ext cx="13249656"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426022242"/>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Only" preserve="1">
  <p:cSld name="Six Content Two Colum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029968"/>
            <a:ext cx="6227064" cy="1380744"/>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694944" y="380390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694944" y="558698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7717536" y="2029968"/>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7717536" y="380390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7717536" y="5586984"/>
            <a:ext cx="6227064" cy="1380744"/>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3098434012"/>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Only" preserve="1">
  <p:cSld name="Six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4151376"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5239512" y="2231136"/>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9793224" y="2231136"/>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694944" y="4892040"/>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5239512" y="4892040"/>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9793224" y="4892040"/>
            <a:ext cx="4151376"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PageSubtitle"/>
          <p:cNvSpPr>
            <a:spLocks noGrp="1"/>
          </p:cNvSpPr>
          <p:nvPr>
            <p:ph type="subTitle" sz="quarter" idx="16"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780698837"/>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titleOnly" preserve="1">
  <p:cSld name="Eight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3108960" cy="2084832"/>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4069080" y="2231136"/>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452360" y="2231136"/>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Content4"/>
          <p:cNvSpPr>
            <a:spLocks noGrp="1"/>
          </p:cNvSpPr>
          <p:nvPr>
            <p:ph sz="quarter" idx="13"/>
          </p:nvPr>
        </p:nvSpPr>
        <p:spPr>
          <a:xfrm>
            <a:off x="10826496" y="2231136"/>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Content5"/>
          <p:cNvSpPr>
            <a:spLocks noGrp="1"/>
          </p:cNvSpPr>
          <p:nvPr>
            <p:ph sz="quarter" idx="14"/>
          </p:nvPr>
        </p:nvSpPr>
        <p:spPr>
          <a:xfrm>
            <a:off x="694944"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6"/>
          <p:cNvSpPr>
            <a:spLocks noGrp="1"/>
          </p:cNvSpPr>
          <p:nvPr>
            <p:ph sz="quarter" idx="15"/>
          </p:nvPr>
        </p:nvSpPr>
        <p:spPr>
          <a:xfrm>
            <a:off x="4069080"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Content7"/>
          <p:cNvSpPr>
            <a:spLocks noGrp="1"/>
          </p:cNvSpPr>
          <p:nvPr>
            <p:ph sz="quarter" idx="16"/>
          </p:nvPr>
        </p:nvSpPr>
        <p:spPr>
          <a:xfrm>
            <a:off x="7452360"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Content8"/>
          <p:cNvSpPr>
            <a:spLocks noGrp="1"/>
          </p:cNvSpPr>
          <p:nvPr>
            <p:ph sz="quarter" idx="17"/>
          </p:nvPr>
        </p:nvSpPr>
        <p:spPr>
          <a:xfrm>
            <a:off x="10826496" y="4892040"/>
            <a:ext cx="3108960"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PageSubtitle"/>
          <p:cNvSpPr>
            <a:spLocks noGrp="1"/>
          </p:cNvSpPr>
          <p:nvPr>
            <p:ph type="subTitle" sz="quarter" idx="18"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744175797"/>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itleOnly" preserve="1">
  <p:cSld name="Call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PageSubtitle"/>
          <p:cNvSpPr>
            <a:spLocks noGrp="1"/>
          </p:cNvSpPr>
          <p:nvPr>
            <p:ph type="subTitle" idx="10" hasCustomPrompt="1"/>
          </p:nvPr>
        </p:nvSpPr>
        <p:spPr>
          <a:xfrm>
            <a:off x="694944" y="1408176"/>
            <a:ext cx="13249656" cy="384048"/>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
        <p:nvSpPr>
          <p:cNvPr id="4" name="Content1"/>
          <p:cNvSpPr>
            <a:spLocks noGrp="1"/>
          </p:cNvSpPr>
          <p:nvPr>
            <p:ph sz="quarter" idx="11"/>
          </p:nvPr>
        </p:nvSpPr>
        <p:spPr>
          <a:xfrm>
            <a:off x="694944" y="2231136"/>
            <a:ext cx="3191256"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2"/>
          <p:cNvSpPr>
            <a:spLocks noGrp="1"/>
          </p:cNvSpPr>
          <p:nvPr>
            <p:ph sz="quarter" idx="12"/>
          </p:nvPr>
        </p:nvSpPr>
        <p:spPr>
          <a:xfrm>
            <a:off x="4526280" y="2231136"/>
            <a:ext cx="9418320"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cxnSp>
        <p:nvCxnSpPr>
          <p:cNvPr id="6" name="Straight Connector 5"/>
          <p:cNvCxnSpPr/>
          <p:nvPr userDrawn="1"/>
        </p:nvCxnSpPr>
        <p:spPr>
          <a:xfrm>
            <a:off x="4206240" y="2231136"/>
            <a:ext cx="0" cy="4745736"/>
          </a:xfrm>
          <a:prstGeom prst="line">
            <a:avLst/>
          </a:prstGeom>
          <a:ln w="9525">
            <a:solidFill>
              <a:srgbClr val="AFB1B3"/>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11153637"/>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ustom Cover 1">
    <p:spTree>
      <p:nvGrpSpPr>
        <p:cNvPr id="1" name=""/>
        <p:cNvGrpSpPr/>
        <p:nvPr/>
      </p:nvGrpSpPr>
      <p:grpSpPr>
        <a:xfrm>
          <a:off x="0" y="0"/>
          <a:ext cx="0" cy="0"/>
          <a:chOff x="0" y="0"/>
          <a:chExt cx="0" cy="0"/>
        </a:xfrm>
      </p:grpSpPr>
      <p:sp>
        <p:nvSpPr>
          <p:cNvPr id="3" name="Freeform 8"/>
          <p:cNvSpPr>
            <a:spLocks noGrp="1"/>
          </p:cNvSpPr>
          <p:nvPr>
            <p:ph type="pic" idx="10"/>
          </p:nvPr>
        </p:nvSpPr>
        <p:spPr>
          <a:xfrm>
            <a:off x="0" y="0"/>
            <a:ext cx="14630400" cy="8229600"/>
          </a:xfr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4" name="Rectangle 7"/>
          <p:cNvSpPr>
            <a:spLocks noGrp="1"/>
          </p:cNvSpPr>
          <p:nvPr>
            <p:ph type="body" sz="quarter" idx="11" hasCustomPrompt="1"/>
          </p:nvPr>
        </p:nvSpPr>
        <p:spPr>
          <a:xfrm>
            <a:off x="0" y="2871216"/>
            <a:ext cx="13085065" cy="1188720"/>
          </a:xfrm>
          <a:prstGeom prst="rect">
            <a:avLst/>
          </a:prstGeom>
          <a:solidFill>
            <a:srgbClr val="FFFFFF">
              <a:alpha val="80000"/>
            </a:srgbClr>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5" name="Text Placeholder 4"/>
          <p:cNvSpPr>
            <a:spLocks noGrp="1"/>
          </p:cNvSpPr>
          <p:nvPr>
            <p:ph type="body" sz="quarter" idx="12" hasCustomPrompt="1"/>
          </p:nvPr>
        </p:nvSpPr>
        <p:spPr>
          <a:xfrm>
            <a:off x="0" y="6099048"/>
            <a:ext cx="14639544" cy="1124712"/>
          </a:xfrm>
          <a:prstGeom prst="rect">
            <a:avLst/>
          </a:prstGeom>
          <a:solidFill>
            <a:srgbClr val="FFFFFF"/>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PlaceholderDate"/>
          <p:cNvSpPr>
            <a:spLocks noGrp="1"/>
          </p:cNvSpPr>
          <p:nvPr>
            <p:ph type="body" sz="quarter" idx="13" hasCustomPrompt="1"/>
          </p:nvPr>
        </p:nvSpPr>
        <p:spPr>
          <a:xfrm>
            <a:off x="466344" y="3502152"/>
            <a:ext cx="12609576" cy="384048"/>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bg2"/>
                </a:solidFill>
                <a:latin typeface="AmplitudeTF" panose="02000506050000020004" pitchFamily="50" charset="0"/>
              </a:defRPr>
            </a:lvl1pPr>
            <a:lvl2pPr marL="27432" indent="0" algn="l">
              <a:buFontTx/>
              <a:buNone/>
              <a:defRPr sz="1800" b="0" i="0">
                <a:solidFill>
                  <a:schemeClr val="bg2"/>
                </a:solidFill>
                <a:latin typeface="Arial" panose="020B0604020202020204" pitchFamily="34" charset="0"/>
              </a:defRPr>
            </a:lvl2pPr>
            <a:lvl3pPr marL="173736" indent="0" algn="l">
              <a:buFontTx/>
              <a:buNone/>
              <a:defRPr sz="1800" b="0" i="0">
                <a:solidFill>
                  <a:schemeClr val="bg2"/>
                </a:solidFill>
                <a:latin typeface="Arial" panose="020B0604020202020204" pitchFamily="34" charset="0"/>
              </a:defRPr>
            </a:lvl3pPr>
            <a:lvl4pPr marL="338328" indent="0" algn="l">
              <a:buFontTx/>
              <a:buNone/>
              <a:defRPr sz="1800" b="0" i="0">
                <a:solidFill>
                  <a:schemeClr val="bg2"/>
                </a:solidFill>
                <a:latin typeface="Arial" panose="020B0604020202020204" pitchFamily="34" charset="0"/>
              </a:defRPr>
            </a:lvl4pPr>
            <a:lvl5pPr marL="502920" indent="0" algn="l">
              <a:buFontTx/>
              <a:buNone/>
              <a:defRPr sz="1800" b="0" i="0">
                <a:solidFill>
                  <a:schemeClr val="bg2"/>
                </a:solidFill>
                <a:latin typeface="Arial" panose="020B0604020202020204" pitchFamily="34" charset="0"/>
              </a:defRPr>
            </a:lvl5pPr>
          </a:lstStyle>
          <a:p>
            <a:pPr lvl="0"/>
            <a:r>
              <a:rPr lang="en-US"/>
              <a:t>   [Date]</a:t>
            </a:r>
          </a:p>
        </p:txBody>
      </p:sp>
      <p:sp>
        <p:nvSpPr>
          <p:cNvPr id="7" name="PlaceholderTitle"/>
          <p:cNvSpPr>
            <a:spLocks noGrp="1"/>
          </p:cNvSpPr>
          <p:nvPr>
            <p:ph type="title" idx="14" hasCustomPrompt="1"/>
          </p:nvPr>
        </p:nvSpPr>
        <p:spPr>
          <a:xfrm>
            <a:off x="466344" y="3099816"/>
            <a:ext cx="12609576" cy="420624"/>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mplitudeTF" panose="02000506050000020004" pitchFamily="50" charset="0"/>
              </a:defRPr>
            </a:lvl1pPr>
          </a:lstStyle>
          <a:p>
            <a:r>
              <a:rPr lang="en-US"/>
              <a:t>[Presentation title]</a:t>
            </a:r>
          </a:p>
        </p:txBody>
      </p:sp>
    </p:spTree>
    <p:extLst>
      <p:ext uri="{BB962C8B-B14F-4D97-AF65-F5344CB8AC3E}">
        <p14:creationId xmlns:p14="http://schemas.microsoft.com/office/powerpoint/2010/main" val="401321477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ustom Cover 2">
    <p:spTree>
      <p:nvGrpSpPr>
        <p:cNvPr id="1" name=""/>
        <p:cNvGrpSpPr/>
        <p:nvPr/>
      </p:nvGrpSpPr>
      <p:grpSpPr>
        <a:xfrm>
          <a:off x="0" y="0"/>
          <a:ext cx="0" cy="0"/>
          <a:chOff x="0" y="0"/>
          <a:chExt cx="0" cy="0"/>
        </a:xfrm>
      </p:grpSpPr>
      <p:sp>
        <p:nvSpPr>
          <p:cNvPr id="3" name="Freeform 8"/>
          <p:cNvSpPr>
            <a:spLocks noGrp="1"/>
          </p:cNvSpPr>
          <p:nvPr>
            <p:ph type="pic" idx="10" hasCustomPrompt="1"/>
          </p:nvPr>
        </p:nvSpPr>
        <p:spPr>
          <a:xfrm>
            <a:off x="329184" y="274320"/>
            <a:ext cx="13990320" cy="7680960"/>
          </a:xfrm>
        </p:spPr>
        <p:txBody>
          <a:bodyPr/>
          <a:lstStyle>
            <a:lvl1pPr marL="3175" indent="0">
              <a:buFontTx/>
              <a:buNone/>
              <a:defRPr>
                <a:latin typeface="AmplitudeTF" panose="02000506050000020004" pitchFamily="50" charset="0"/>
              </a:defRPr>
            </a:lvl1pPr>
          </a:lstStyle>
          <a:p>
            <a:r>
              <a:rPr lang="en-US" dirty="0"/>
              <a:t>Click on Insert Picture to add image</a:t>
            </a:r>
          </a:p>
        </p:txBody>
      </p:sp>
      <p:sp>
        <p:nvSpPr>
          <p:cNvPr id="4" name="Rectangle 6"/>
          <p:cNvSpPr>
            <a:spLocks noGrp="1"/>
          </p:cNvSpPr>
          <p:nvPr>
            <p:ph type="body" sz="quarter" idx="11" hasCustomPrompt="1"/>
          </p:nvPr>
        </p:nvSpPr>
        <p:spPr>
          <a:xfrm>
            <a:off x="329184" y="3145536"/>
            <a:ext cx="13085065" cy="1188720"/>
          </a:xfrm>
          <a:prstGeom prst="rect">
            <a:avLst/>
          </a:prstGeom>
          <a:solidFill>
            <a:srgbClr val="FFFFFF">
              <a:alpha val="80000"/>
            </a:srgbClr>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5" name="Rectangle 3"/>
          <p:cNvSpPr>
            <a:spLocks noGrp="1"/>
          </p:cNvSpPr>
          <p:nvPr>
            <p:ph type="body" sz="quarter" idx="12" hasCustomPrompt="1"/>
          </p:nvPr>
        </p:nvSpPr>
        <p:spPr>
          <a:xfrm>
            <a:off x="329184" y="6373368"/>
            <a:ext cx="14008608" cy="1124712"/>
          </a:xfrm>
          <a:prstGeom prst="rect">
            <a:avLst/>
          </a:prstGeom>
          <a:solidFill>
            <a:srgbClr val="FFFFFF"/>
          </a:solidFill>
        </p:spPr>
        <p:txBody>
          <a:bodyPr/>
          <a:lstStyle>
            <a:lvl1pPr marL="3175" indent="0">
              <a:buFontTx/>
              <a:buNone/>
              <a:defRPr>
                <a:latin typeface="AmplitudeTF" panose="02000506050000020004" pitchFamily="50" charset="0"/>
              </a:defRPr>
            </a:lvl1pPr>
            <a:lvl2pPr marL="27432" indent="0">
              <a:buFontTx/>
              <a:buNone/>
              <a:defRPr/>
            </a:lvl2pPr>
            <a:lvl3pPr marL="173736" indent="0">
              <a:buFontTx/>
              <a:buNone/>
              <a:defRPr/>
            </a:lvl3pPr>
            <a:lvl4pPr marL="338328" indent="0">
              <a:buFontTx/>
              <a:buNone/>
              <a:defRPr/>
            </a:lvl4pPr>
            <a:lvl5pPr marL="502920" indent="0">
              <a:buFontTx/>
              <a:buNone/>
              <a:defRPr/>
            </a:lvl5pPr>
          </a:lstStyle>
          <a:p>
            <a:pPr lvl="0"/>
            <a:r>
              <a:rPr lang="en-US"/>
              <a:t> </a:t>
            </a:r>
          </a:p>
        </p:txBody>
      </p:sp>
      <p:sp>
        <p:nvSpPr>
          <p:cNvPr id="6" name="PlaceholderDate"/>
          <p:cNvSpPr>
            <a:spLocks noGrp="1"/>
          </p:cNvSpPr>
          <p:nvPr>
            <p:ph type="body" sz="quarter" idx="13" hasCustomPrompt="1"/>
          </p:nvPr>
        </p:nvSpPr>
        <p:spPr>
          <a:xfrm>
            <a:off x="795528" y="3785616"/>
            <a:ext cx="12609576" cy="384048"/>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bg2"/>
                </a:solidFill>
                <a:latin typeface="AmplitudeTF" panose="02000506050000020004" pitchFamily="50" charset="0"/>
              </a:defRPr>
            </a:lvl1pPr>
            <a:lvl2pPr marL="27432" indent="0" algn="l">
              <a:buFontTx/>
              <a:buNone/>
              <a:defRPr sz="1800" b="0" i="0">
                <a:solidFill>
                  <a:schemeClr val="bg2"/>
                </a:solidFill>
                <a:latin typeface="Arial" panose="020B0604020202020204" pitchFamily="34" charset="0"/>
              </a:defRPr>
            </a:lvl2pPr>
            <a:lvl3pPr marL="173736" indent="0" algn="l">
              <a:buFontTx/>
              <a:buNone/>
              <a:defRPr sz="1800" b="0" i="0">
                <a:solidFill>
                  <a:schemeClr val="bg2"/>
                </a:solidFill>
                <a:latin typeface="Arial" panose="020B0604020202020204" pitchFamily="34" charset="0"/>
              </a:defRPr>
            </a:lvl3pPr>
            <a:lvl4pPr marL="338328" indent="0" algn="l">
              <a:buFontTx/>
              <a:buNone/>
              <a:defRPr sz="1800" b="0" i="0">
                <a:solidFill>
                  <a:schemeClr val="bg2"/>
                </a:solidFill>
                <a:latin typeface="Arial" panose="020B0604020202020204" pitchFamily="34" charset="0"/>
              </a:defRPr>
            </a:lvl4pPr>
            <a:lvl5pPr marL="502920" indent="0" algn="l">
              <a:buFontTx/>
              <a:buNone/>
              <a:defRPr sz="1800" b="0" i="0">
                <a:solidFill>
                  <a:schemeClr val="bg2"/>
                </a:solidFill>
                <a:latin typeface="Arial" panose="020B0604020202020204" pitchFamily="34" charset="0"/>
              </a:defRPr>
            </a:lvl5pPr>
          </a:lstStyle>
          <a:p>
            <a:pPr lvl="0"/>
            <a:r>
              <a:rPr lang="en-US"/>
              <a:t>   [Date]</a:t>
            </a:r>
          </a:p>
        </p:txBody>
      </p:sp>
      <p:sp>
        <p:nvSpPr>
          <p:cNvPr id="7" name="PlaceholderTitle"/>
          <p:cNvSpPr>
            <a:spLocks noGrp="1"/>
          </p:cNvSpPr>
          <p:nvPr>
            <p:ph type="title" idx="14" hasCustomPrompt="1"/>
          </p:nvPr>
        </p:nvSpPr>
        <p:spPr>
          <a:xfrm>
            <a:off x="795528" y="3364992"/>
            <a:ext cx="12609576" cy="420624"/>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mplitudeTF" panose="02000506050000020004" pitchFamily="50" charset="0"/>
              </a:defRPr>
            </a:lvl1pPr>
          </a:lstStyle>
          <a:p>
            <a:r>
              <a:rPr lang="en-US"/>
              <a:t>[Presentation title]</a:t>
            </a:r>
          </a:p>
        </p:txBody>
      </p:sp>
    </p:spTree>
    <p:extLst>
      <p:ext uri="{BB962C8B-B14F-4D97-AF65-F5344CB8AC3E}">
        <p14:creationId xmlns:p14="http://schemas.microsoft.com/office/powerpoint/2010/main" val="88047911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ustom Cover 3">
    <p:spTree>
      <p:nvGrpSpPr>
        <p:cNvPr id="1" name=""/>
        <p:cNvGrpSpPr/>
        <p:nvPr/>
      </p:nvGrpSpPr>
      <p:grpSpPr>
        <a:xfrm>
          <a:off x="0" y="0"/>
          <a:ext cx="0" cy="0"/>
          <a:chOff x="0" y="0"/>
          <a:chExt cx="0" cy="0"/>
        </a:xfrm>
      </p:grpSpPr>
      <p:sp>
        <p:nvSpPr>
          <p:cNvPr id="3" name="Freeform 8"/>
          <p:cNvSpPr>
            <a:spLocks noGrp="1"/>
          </p:cNvSpPr>
          <p:nvPr>
            <p:ph type="pic" idx="10"/>
          </p:nvPr>
        </p:nvSpPr>
        <p:spPr>
          <a:xfrm>
            <a:off x="484632" y="1197864"/>
            <a:ext cx="4297680" cy="4700016"/>
          </a:xfr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4" name="Freeform 12"/>
          <p:cNvSpPr>
            <a:spLocks noGrp="1"/>
          </p:cNvSpPr>
          <p:nvPr>
            <p:ph type="pic" sz="quarter" idx="11"/>
          </p:nvPr>
        </p:nvSpPr>
        <p:spPr>
          <a:xfrm>
            <a:off x="5157216" y="1197864"/>
            <a:ext cx="4297680" cy="4700016"/>
          </a:xfrm>
          <a:prstGeom prst="rect">
            <a:avLst/>
          </a:prstGeo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5" name="Freeform 14"/>
          <p:cNvSpPr>
            <a:spLocks noGrp="1"/>
          </p:cNvSpPr>
          <p:nvPr>
            <p:ph type="pic" sz="quarter" idx="12"/>
          </p:nvPr>
        </p:nvSpPr>
        <p:spPr>
          <a:xfrm>
            <a:off x="9838944" y="1197864"/>
            <a:ext cx="4297680" cy="4700016"/>
          </a:xfrm>
          <a:prstGeom prst="rect">
            <a:avLst/>
          </a:prstGeom>
        </p:spPr>
        <p:txBody>
          <a:bodyPr/>
          <a:lstStyle>
            <a:lvl1pPr marL="3175" indent="0">
              <a:buFontTx/>
              <a:buNone/>
              <a:defRPr>
                <a:latin typeface="AmplitudeTF" panose="02000506050000020004" pitchFamily="50" charset="0"/>
              </a:defRPr>
            </a:lvl1pPr>
          </a:lstStyle>
          <a:p>
            <a:r>
              <a:rPr lang="en-US" dirty="0"/>
              <a:t>Click icon to add picture</a:t>
            </a:r>
          </a:p>
        </p:txBody>
      </p:sp>
      <p:sp>
        <p:nvSpPr>
          <p:cNvPr id="6" name="PlaceholderDate"/>
          <p:cNvSpPr>
            <a:spLocks noGrp="1"/>
          </p:cNvSpPr>
          <p:nvPr>
            <p:ph type="body" sz="quarter" idx="13" hasCustomPrompt="1"/>
          </p:nvPr>
        </p:nvSpPr>
        <p:spPr>
          <a:xfrm>
            <a:off x="12408408" y="841248"/>
            <a:ext cx="1609344" cy="274320"/>
          </a:xfrm>
          <a:prstGeom prst="rect">
            <a:avLst/>
          </a:prstGeom>
        </p:spPr>
        <p:txBody>
          <a:bodyPr vert="horz" wrap="none" lIns="0" tIns="0" rIns="0" bIns="0" anchor="ctr">
            <a:noAutofit/>
          </a:bodyPr>
          <a:lstStyle>
            <a:lvl1pPr marL="3175" indent="0" algn="r">
              <a:lnSpc>
                <a:spcPct val="110000"/>
              </a:lnSpc>
              <a:spcBef>
                <a:spcPts val="0"/>
              </a:spcBef>
              <a:buFontTx/>
              <a:buNone/>
              <a:defRPr sz="1100" b="0" i="0" cap="all">
                <a:solidFill>
                  <a:schemeClr val="bg2"/>
                </a:solidFill>
                <a:latin typeface="AmplitudeTF" panose="02000506050000020004" pitchFamily="50" charset="0"/>
              </a:defRPr>
            </a:lvl1pPr>
            <a:lvl2pPr marL="27432" indent="0" algn="r">
              <a:buFontTx/>
              <a:buNone/>
              <a:defRPr sz="1100" b="0" i="0" cap="all">
                <a:solidFill>
                  <a:schemeClr val="bg2"/>
                </a:solidFill>
                <a:latin typeface="Arial" panose="020B0604020202020204" pitchFamily="34" charset="0"/>
              </a:defRPr>
            </a:lvl2pPr>
            <a:lvl3pPr marL="173736" indent="0" algn="r">
              <a:buFontTx/>
              <a:buNone/>
              <a:defRPr sz="1100" b="0" i="0" cap="all">
                <a:solidFill>
                  <a:schemeClr val="bg2"/>
                </a:solidFill>
                <a:latin typeface="Arial" panose="020B0604020202020204" pitchFamily="34" charset="0"/>
              </a:defRPr>
            </a:lvl3pPr>
            <a:lvl4pPr marL="338328" indent="0" algn="r">
              <a:buFontTx/>
              <a:buNone/>
              <a:defRPr sz="1100" b="0" i="0" cap="all">
                <a:solidFill>
                  <a:schemeClr val="bg2"/>
                </a:solidFill>
                <a:latin typeface="Arial" panose="020B0604020202020204" pitchFamily="34" charset="0"/>
              </a:defRPr>
            </a:lvl4pPr>
            <a:lvl5pPr marL="502920" indent="0" algn="r">
              <a:buFontTx/>
              <a:buNone/>
              <a:defRPr sz="1100" b="0" i="0" cap="all">
                <a:solidFill>
                  <a:schemeClr val="bg2"/>
                </a:solidFill>
                <a:latin typeface="Arial" panose="020B0604020202020204" pitchFamily="34" charset="0"/>
              </a:defRPr>
            </a:lvl5pPr>
          </a:lstStyle>
          <a:p>
            <a:pPr lvl="0"/>
            <a:r>
              <a:rPr lang="en-US"/>
              <a:t>   [Date]</a:t>
            </a:r>
          </a:p>
        </p:txBody>
      </p:sp>
      <p:sp>
        <p:nvSpPr>
          <p:cNvPr id="7" name="PlaceholderTitle"/>
          <p:cNvSpPr>
            <a:spLocks noGrp="1"/>
          </p:cNvSpPr>
          <p:nvPr>
            <p:ph type="title" idx="14" hasCustomPrompt="1"/>
          </p:nvPr>
        </p:nvSpPr>
        <p:spPr>
          <a:xfrm>
            <a:off x="484632" y="6007608"/>
            <a:ext cx="13651992" cy="356616"/>
          </a:xfrm>
        </p:spPr>
        <p:txBody>
          <a:bodyPr vert="horz" wrap="square" lIns="0" tIns="0" rIns="0" bIns="0" anchor="ctr">
            <a:noAutofit/>
          </a:bodyPr>
          <a:lstStyle>
            <a:lvl1pPr algn="ctr">
              <a:lnSpc>
                <a:spcPct val="110000"/>
              </a:lnSpc>
              <a:spcBef>
                <a:spcPct val="0"/>
              </a:spcBef>
              <a:buFontTx/>
              <a:buNone/>
              <a:defRPr sz="1600" b="0" i="0" cap="all" spc="800">
                <a:solidFill>
                  <a:schemeClr val="tx2"/>
                </a:solidFill>
                <a:latin typeface="AmplitudeTF" panose="02000506050000020004" pitchFamily="50" charset="0"/>
              </a:defRPr>
            </a:lvl1pPr>
          </a:lstStyle>
          <a:p>
            <a:r>
              <a:rPr lang="en-US"/>
              <a:t>[Presentation title]</a:t>
            </a:r>
          </a:p>
        </p:txBody>
      </p:sp>
    </p:spTree>
    <p:extLst>
      <p:ext uri="{BB962C8B-B14F-4D97-AF65-F5344CB8AC3E}">
        <p14:creationId xmlns:p14="http://schemas.microsoft.com/office/powerpoint/2010/main" val="3006689472"/>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dirty="0"/>
              <a:t>Click to edit Master title style</a:t>
            </a:r>
          </a:p>
        </p:txBody>
      </p:sp>
      <p:sp>
        <p:nvSpPr>
          <p:cNvPr id="3" name="Content1"/>
          <p:cNvSpPr>
            <a:spLocks noGrp="1"/>
          </p:cNvSpPr>
          <p:nvPr>
            <p:ph idx="10"/>
          </p:nvPr>
        </p:nvSpPr>
        <p:spPr>
          <a:xfrm>
            <a:off x="694944" y="2231136"/>
            <a:ext cx="13249656"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PageSubtitle"/>
          <p:cNvSpPr>
            <a:spLocks noGrp="1"/>
          </p:cNvSpPr>
          <p:nvPr>
            <p:ph type="subTitle" sz="quarter" idx="11"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a:t>Click to edit Page Subtitle</a:t>
            </a:r>
          </a:p>
        </p:txBody>
      </p:sp>
    </p:spTree>
    <p:extLst>
      <p:ext uri="{BB962C8B-B14F-4D97-AF65-F5344CB8AC3E}">
        <p14:creationId xmlns:p14="http://schemas.microsoft.com/office/powerpoint/2010/main" val="147259003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type="body" idx="10"/>
          </p:nvPr>
        </p:nvSpPr>
        <p:spPr>
          <a:xfrm>
            <a:off x="694944" y="1911096"/>
            <a:ext cx="13249656" cy="5074920"/>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PageSubtitle"/>
          <p:cNvSpPr>
            <a:spLocks noGrp="1"/>
          </p:cNvSpPr>
          <p:nvPr>
            <p:ph type="subTitle" sz="quarter" idx="11"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407729026"/>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717536" y="2231136"/>
            <a:ext cx="6227064" cy="4745736"/>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ageSubtitle"/>
          <p:cNvSpPr>
            <a:spLocks noGrp="1"/>
          </p:cNvSpPr>
          <p:nvPr>
            <p:ph type="subTitle" sz="quarter" idx="12"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1344962963"/>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One Left Two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AmplitudeTF" panose="02000506050000020004" pitchFamily="50" charset="0"/>
              </a:defRPr>
            </a:lvl1pPr>
          </a:lstStyle>
          <a:p>
            <a:r>
              <a:rPr lang="en-US"/>
              <a:t>Click to edit Master title style</a:t>
            </a:r>
          </a:p>
        </p:txBody>
      </p:sp>
      <p:sp>
        <p:nvSpPr>
          <p:cNvPr id="3" name="Content1"/>
          <p:cNvSpPr>
            <a:spLocks noGrp="1"/>
          </p:cNvSpPr>
          <p:nvPr>
            <p:ph idx="10"/>
          </p:nvPr>
        </p:nvSpPr>
        <p:spPr>
          <a:xfrm>
            <a:off x="694944" y="2231136"/>
            <a:ext cx="6227064" cy="4745736"/>
          </a:xfr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2"/>
          <p:cNvSpPr>
            <a:spLocks noGrp="1"/>
          </p:cNvSpPr>
          <p:nvPr>
            <p:ph sz="quarter" idx="11"/>
          </p:nvPr>
        </p:nvSpPr>
        <p:spPr>
          <a:xfrm>
            <a:off x="7717536" y="2231136"/>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3"/>
          <p:cNvSpPr>
            <a:spLocks noGrp="1"/>
          </p:cNvSpPr>
          <p:nvPr>
            <p:ph sz="quarter" idx="12"/>
          </p:nvPr>
        </p:nvSpPr>
        <p:spPr>
          <a:xfrm>
            <a:off x="7717536" y="4892040"/>
            <a:ext cx="6227064" cy="2084832"/>
          </a:xfrm>
          <a:prstGeom prst="rect">
            <a:avLst/>
          </a:prstGeom>
        </p:spPr>
        <p:txBody>
          <a:bodyPr/>
          <a:lstStyle>
            <a:lvl1pPr>
              <a:defRPr sz="1200" b="0" i="0">
                <a:solidFill>
                  <a:schemeClr val="tx2"/>
                </a:solidFill>
                <a:latin typeface="AmplitudeTF" panose="02000506050000020004" pitchFamily="50" charset="0"/>
              </a:defRPr>
            </a:lvl1pPr>
            <a:lvl2pPr>
              <a:defRPr sz="1200" b="0" i="0">
                <a:solidFill>
                  <a:schemeClr val="tx2"/>
                </a:solidFill>
                <a:latin typeface="AmplitudeTF" panose="02000506050000020004" pitchFamily="50" charset="0"/>
              </a:defRPr>
            </a:lvl2pPr>
            <a:lvl3pPr>
              <a:defRPr sz="1200" b="0" i="0">
                <a:solidFill>
                  <a:schemeClr val="tx2"/>
                </a:solidFill>
                <a:latin typeface="AmplitudeTF" panose="02000506050000020004" pitchFamily="50" charset="0"/>
              </a:defRPr>
            </a:lvl3pPr>
            <a:lvl4pPr>
              <a:defRPr sz="1200" b="0" i="0">
                <a:solidFill>
                  <a:schemeClr val="tx2"/>
                </a:solidFill>
                <a:latin typeface="AmplitudeTF" panose="02000506050000020004" pitchFamily="50" charset="0"/>
              </a:defRPr>
            </a:lvl4pPr>
            <a:lvl5pPr>
              <a:defRPr sz="1200" b="0" i="0">
                <a:solidFill>
                  <a:schemeClr val="tx2"/>
                </a:solidFill>
                <a:latin typeface="AmplitudeTF" panose="02000506050000020004" pitchFamily="50"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PageSubtitle"/>
          <p:cNvSpPr>
            <a:spLocks noGrp="1"/>
          </p:cNvSpPr>
          <p:nvPr>
            <p:ph type="subTitle" sz="quarter" idx="13" hasCustomPrompt="1"/>
          </p:nvPr>
        </p:nvSpPr>
        <p:spPr>
          <a:xfrm>
            <a:off x="694944" y="1408176"/>
            <a:ext cx="13249656" cy="384048"/>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mplitudeTF" panose="02000506050000020004" pitchFamily="50"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287304935"/>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theme" Target="../theme/theme1.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image" Target="../media/image1.tmp"/><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tags" Target="../tags/tag2.xml"/><Relationship Id="rId30" Type="http://schemas.openxmlformats.org/officeDocument/2006/relationships/tags" Target="../tags/tag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694944" y="484632"/>
            <a:ext cx="13249656" cy="722376"/>
          </a:xfrm>
          <a:prstGeom prst="rect">
            <a:avLst/>
          </a:prstGeom>
        </p:spPr>
        <p:txBody>
          <a:bodyPr vert="horz" wrap="square" lIns="0" tIns="0" rIns="0" bIns="0" rtlCol="0" anchor="b">
            <a:noAutofit/>
          </a:bodyPr>
          <a:lstStyle/>
          <a:p>
            <a:r>
              <a:rPr lang="en-US"/>
              <a:t>Click to edit Master title style</a:t>
            </a:r>
          </a:p>
        </p:txBody>
      </p:sp>
      <p:sp>
        <p:nvSpPr>
          <p:cNvPr id="3" name="PlaceholderBody"/>
          <p:cNvSpPr>
            <a:spLocks noGrp="1"/>
          </p:cNvSpPr>
          <p:nvPr>
            <p:ph type="body" idx="1"/>
          </p:nvPr>
        </p:nvSpPr>
        <p:spPr>
          <a:xfrm>
            <a:off x="694944" y="1837944"/>
            <a:ext cx="13249656" cy="5321808"/>
          </a:xfrm>
          <a:prstGeom prst="rect">
            <a:avLst/>
          </a:prstGeom>
        </p:spPr>
        <p:txBody>
          <a:bodyPr vert="horz" wrap="square" lIns="91440" tIns="36576" rIns="36576" bIns="36576" rtlCol="0" anchor="t">
            <a:noAutofit/>
          </a:bodyPr>
          <a:lstStyle/>
          <a:p>
            <a:pPr marL="10160" lvl="0" indent="-6985" algn="l" defTabSz="914400" rtl="0" eaLnBrk="1" latinLnBrk="0" hangingPunct="1">
              <a:lnSpc>
                <a:spcPct val="110000"/>
              </a:lnSpc>
              <a:spcBef>
                <a:spcPts val="910"/>
              </a:spcBef>
              <a:spcAft>
                <a:spcPct val="0"/>
              </a:spcAft>
              <a:buFont typeface="Arial" panose="020B0604020202020204" pitchFamily="34" charset="0"/>
              <a:buNone/>
            </a:pPr>
            <a:r>
              <a:rPr lang="en-US"/>
              <a:t>Body Text</a:t>
            </a:r>
          </a:p>
          <a:p>
            <a:pPr marL="742950" lvl="1" indent="-285750" algn="l" defTabSz="914400" rtl="0" eaLnBrk="1" latinLnBrk="0" hangingPunct="1">
              <a:lnSpc>
                <a:spcPct val="110000"/>
              </a:lnSpc>
              <a:spcBef>
                <a:spcPts val="600"/>
              </a:spcBef>
              <a:spcAft>
                <a:spcPct val="0"/>
              </a:spcAft>
              <a:buClr>
                <a:schemeClr val="bg2"/>
              </a:buClr>
              <a:buSzPct val="92000"/>
              <a:buFont typeface="Arial" panose="020B0604020202020204" pitchFamily="34" charset="0"/>
              <a:buChar char="•"/>
            </a:pPr>
            <a:r>
              <a:rPr lang="en-US"/>
              <a:t>Bullet one</a:t>
            </a:r>
          </a:p>
          <a:p>
            <a:pPr marL="1143000" lvl="2" indent="-228600" algn="l" defTabSz="914400" rtl="0" eaLnBrk="1" latinLnBrk="0" hangingPunct="1">
              <a:lnSpc>
                <a:spcPct val="110000"/>
              </a:lnSpc>
              <a:spcBef>
                <a:spcPts val="300"/>
              </a:spcBef>
              <a:spcAft>
                <a:spcPct val="0"/>
              </a:spcAft>
              <a:buClr>
                <a:schemeClr val="tx2"/>
              </a:buClr>
              <a:buSzPct val="92000"/>
              <a:buFont typeface="Arial" panose="020B0604020202020204" pitchFamily="34" charset="0"/>
              <a:buChar char="•"/>
            </a:pPr>
            <a:r>
              <a:rPr lang="en-US"/>
              <a:t>Bullet two</a:t>
            </a:r>
          </a:p>
          <a:p>
            <a:pPr marL="1600200" lvl="3" indent="-228600"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pPr>
            <a:r>
              <a:rPr lang="en-US"/>
              <a:t>Bullet three</a:t>
            </a:r>
          </a:p>
          <a:p>
            <a:pPr marL="2057400" lvl="4"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pPr>
            <a:r>
              <a:rPr lang="en-US"/>
              <a:t>Bullet four</a:t>
            </a:r>
          </a:p>
        </p:txBody>
      </p:sp>
      <p:cxnSp>
        <p:nvCxnSpPr>
          <p:cNvPr id="4" name="Straight Connector 3"/>
          <p:cNvCxnSpPr/>
          <p:nvPr userDrawn="1"/>
        </p:nvCxnSpPr>
        <p:spPr>
          <a:xfrm>
            <a:off x="694944" y="1307592"/>
            <a:ext cx="13249656"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5" name="ConfidentialInternal"/>
          <p:cNvSpPr txBox="1"/>
          <p:nvPr userDrawn="1">
            <p:custDataLst>
              <p:tags r:id="rId27"/>
            </p:custDataLst>
          </p:nvPr>
        </p:nvSpPr>
        <p:spPr>
          <a:xfrm>
            <a:off x="3502152" y="484632"/>
            <a:ext cx="10442448" cy="228600"/>
          </a:xfrm>
          <a:prstGeom prst="rect">
            <a:avLst/>
          </a:prstGeom>
          <a:noFill/>
        </p:spPr>
        <p:txBody>
          <a:bodyPr vert="horz" wrap="square" lIns="0" tIns="0" rIns="0" bIns="0" rtlCol="0" anchor="t">
            <a:noAutofit/>
          </a:bodyPr>
          <a:lstStyle/>
          <a:p>
            <a:pPr algn="r">
              <a:lnSpc>
                <a:spcPct val="110000"/>
              </a:lnSpc>
            </a:pPr>
            <a:endParaRPr lang="en-US" sz="700" b="0" i="0" cap="all" spc="210" dirty="0">
              <a:solidFill>
                <a:schemeClr val="tx2"/>
              </a:solidFill>
              <a:latin typeface="AmplitudeTF" panose="02000506050000020004" pitchFamily="50" charset="0"/>
            </a:endParaRPr>
          </a:p>
        </p:txBody>
      </p:sp>
      <p:sp>
        <p:nvSpPr>
          <p:cNvPr id="6" name="Confidential" hidden="1"/>
          <p:cNvSpPr txBox="1"/>
          <p:nvPr userDrawn="1">
            <p:custDataLst>
              <p:tags r:id="rId28"/>
            </p:custDataLst>
          </p:nvPr>
        </p:nvSpPr>
        <p:spPr>
          <a:xfrm>
            <a:off x="3502152" y="265176"/>
            <a:ext cx="10442448" cy="201658"/>
          </a:xfrm>
          <a:prstGeom prst="rect">
            <a:avLst/>
          </a:prstGeom>
          <a:noFill/>
        </p:spPr>
        <p:txBody>
          <a:bodyPr vert="horz" wrap="square" lIns="0" tIns="45720" rIns="0" bIns="45720" rtlCol="0" anchor="t">
            <a:spAutoFit/>
          </a:bodyPr>
          <a:lstStyle/>
          <a:p>
            <a:pPr algn="r">
              <a:lnSpc>
                <a:spcPct val="110000"/>
              </a:lnSpc>
            </a:pPr>
            <a:endParaRPr lang="en-US" sz="700" b="0" i="0" cap="all" spc="210" dirty="0">
              <a:solidFill>
                <a:schemeClr val="tx2"/>
              </a:solidFill>
              <a:latin typeface="Arial" panose="020B0604020202020204" pitchFamily="34" charset="0"/>
            </a:endParaRPr>
          </a:p>
        </p:txBody>
      </p:sp>
      <p:sp>
        <p:nvSpPr>
          <p:cNvPr id="7" name="SubsectionTracker"/>
          <p:cNvSpPr txBox="1"/>
          <p:nvPr userDrawn="1"/>
        </p:nvSpPr>
        <p:spPr>
          <a:xfrm>
            <a:off x="694944" y="463314"/>
            <a:ext cx="65" cy="134076"/>
          </a:xfrm>
          <a:prstGeom prst="rect">
            <a:avLst/>
          </a:prstGeom>
          <a:noFill/>
        </p:spPr>
        <p:txBody>
          <a:bodyPr vert="horz" wrap="none" lIns="0" tIns="0" rIns="0" bIns="0" rtlCol="0" anchor="ctr">
            <a:spAutoFit/>
          </a:bodyPr>
          <a:lstStyle/>
          <a:p>
            <a:pPr algn="l">
              <a:lnSpc>
                <a:spcPct val="110000"/>
              </a:lnSpc>
            </a:pPr>
            <a:endParaRPr lang="en-US" sz="850" b="0" i="0" dirty="0">
              <a:solidFill>
                <a:schemeClr val="bg2"/>
              </a:solidFill>
              <a:latin typeface="AmplitudeTF" panose="02000506050000020004" pitchFamily="50" charset="0"/>
            </a:endParaRPr>
          </a:p>
        </p:txBody>
      </p:sp>
      <p:sp>
        <p:nvSpPr>
          <p:cNvPr id="8" name="PageNumber"/>
          <p:cNvSpPr txBox="1"/>
          <p:nvPr userDrawn="1"/>
        </p:nvSpPr>
        <p:spPr>
          <a:xfrm>
            <a:off x="7150608" y="7507224"/>
            <a:ext cx="329184" cy="192024"/>
          </a:xfrm>
          <a:prstGeom prst="rect">
            <a:avLst/>
          </a:prstGeom>
          <a:noFill/>
        </p:spPr>
        <p:txBody>
          <a:bodyPr vert="horz" wrap="none" lIns="0" tIns="0" rIns="0" bIns="0" rtlCol="0" anchor="ctr">
            <a:noAutofit/>
          </a:bodyPr>
          <a:lstStyle/>
          <a:p>
            <a:pPr algn="ctr">
              <a:lnSpc>
                <a:spcPct val="110000"/>
              </a:lnSpc>
            </a:pPr>
            <a:endParaRPr lang="en-US" sz="900" b="0" i="0" dirty="0">
              <a:solidFill>
                <a:schemeClr val="tx2"/>
              </a:solidFill>
              <a:latin typeface="AmplitudeTF" panose="02000506050000020004" pitchFamily="50" charset="0"/>
            </a:endParaRPr>
          </a:p>
        </p:txBody>
      </p:sp>
      <p:sp>
        <p:nvSpPr>
          <p:cNvPr id="10" name="ClientName"/>
          <p:cNvSpPr txBox="1"/>
          <p:nvPr userDrawn="1">
            <p:custDataLst>
              <p:tags r:id="rId29"/>
            </p:custDataLst>
          </p:nvPr>
        </p:nvSpPr>
        <p:spPr>
          <a:xfrm>
            <a:off x="694944" y="7644384"/>
            <a:ext cx="2660904" cy="12801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b">
            <a:noAutofit/>
          </a:bodyPr>
          <a:lstStyle/>
          <a:p>
            <a:pPr algn="l">
              <a:lnSpc>
                <a:spcPct val="110000"/>
              </a:lnSpc>
            </a:pPr>
            <a:endParaRPr lang="en-US" sz="900" b="0" i="0" cap="all" spc="150" dirty="0">
              <a:solidFill>
                <a:schemeClr val="tx2"/>
              </a:solidFill>
              <a:latin typeface="AmplitudeTF" panose="02000506050000020004" pitchFamily="50" charset="0"/>
            </a:endParaRPr>
          </a:p>
        </p:txBody>
      </p:sp>
      <p:sp>
        <p:nvSpPr>
          <p:cNvPr id="11" name="Rectangle 10">
            <a:extLst>
              <a:ext uri="{FF2B5EF4-FFF2-40B4-BE49-F238E27FC236}">
                <a16:creationId xmlns:a16="http://schemas.microsoft.com/office/drawing/2014/main" id="{330D72BE-9D99-436F-9387-842FF8BDA95B}"/>
              </a:ext>
            </a:extLst>
          </p:cNvPr>
          <p:cNvSpPr>
            <a:spLocks noChangeAspect="1"/>
          </p:cNvSpPr>
          <p:nvPr userDrawn="1">
            <p:custDataLst>
              <p:tags r:id="rId30"/>
            </p:custDataLst>
          </p:nvPr>
        </p:nvSpPr>
        <p:spPr>
          <a:xfrm>
            <a:off x="10632094" y="7443216"/>
            <a:ext cx="3303362" cy="222199"/>
          </a:xfrm>
          <a:prstGeom prst="rect">
            <a:avLst/>
          </a:prstGeom>
          <a:blipFill>
            <a:blip r:embed="rId31"/>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latin typeface="AmplitudeTF" panose="02000506050000020004" pitchFamily="50" charset="0"/>
            </a:endParaRPr>
          </a:p>
        </p:txBody>
      </p:sp>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 id="2147483665" r:id="rId17"/>
    <p:sldLayoutId id="2147483666" r:id="rId18"/>
    <p:sldLayoutId id="2147483667" r:id="rId19"/>
    <p:sldLayoutId id="2147483668" r:id="rId20"/>
    <p:sldLayoutId id="2147483669" r:id="rId21"/>
    <p:sldLayoutId id="2147483670" r:id="rId22"/>
    <p:sldLayoutId id="2147483671" r:id="rId23"/>
    <p:sldLayoutId id="2147483672" r:id="rId24"/>
    <p:sldLayoutId id="2147483673" r:id="rId25"/>
  </p:sldLayoutIdLst>
  <p:txStyles>
    <p:titleStyle>
      <a:lvl1pPr algn="l" defTabSz="914400" rtl="0" eaLnBrk="1" latinLnBrk="0" hangingPunct="1">
        <a:spcBef>
          <a:spcPct val="0"/>
        </a:spcBef>
        <a:buFontTx/>
        <a:buNone/>
        <a:defRPr sz="1800" b="0" i="0" kern="1200">
          <a:solidFill>
            <a:schemeClr val="tx2"/>
          </a:solidFill>
          <a:latin typeface="AmplitudeTF" panose="02000506050000020004" pitchFamily="50"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mplitudeTF" panose="02000506050000020004" pitchFamily="50"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mplitudeTF" panose="02000506050000020004" pitchFamily="50"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mplitudeTF" panose="02000506050000020004" pitchFamily="50"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mplitudeTF" panose="02000506050000020004" pitchFamily="50"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mplitudeTF" panose="02000506050000020004" pitchFamily="50"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1.xml"/><Relationship Id="rId1" Type="http://schemas.openxmlformats.org/officeDocument/2006/relationships/tags" Target="../tags/tag10.xml"/><Relationship Id="rId4" Type="http://schemas.openxmlformats.org/officeDocument/2006/relationships/image" Target="../media/image1.tmp"/></Relationships>
</file>

<file path=ppt/slides/_rels/slide10.xml.rels><?xml version="1.0" encoding="UTF-8" standalone="yes"?>
<Relationships xmlns="http://schemas.openxmlformats.org/package/2006/relationships"><Relationship Id="rId3" Type="http://schemas.openxmlformats.org/officeDocument/2006/relationships/hyperlink" Target="https://atutor.github.io/" TargetMode="External"/><Relationship Id="rId2" Type="http://schemas.openxmlformats.org/officeDocument/2006/relationships/slideLayout" Target="../slideLayouts/slideLayout15.xml"/><Relationship Id="rId1" Type="http://schemas.openxmlformats.org/officeDocument/2006/relationships/tags" Target="../tags/tag29.xml"/><Relationship Id="rId6" Type="http://schemas.openxmlformats.org/officeDocument/2006/relationships/hyperlink" Target="https://edu.google.com/products/gsuite-for-education/?modal_active=none" TargetMode="External"/><Relationship Id="rId5" Type="http://schemas.openxmlformats.org/officeDocument/2006/relationships/hyperlink" Target="https://www.edsby.com/" TargetMode="External"/><Relationship Id="rId4" Type="http://schemas.openxmlformats.org/officeDocument/2006/relationships/hyperlink" Target="https://www.easy-lms.com/" TargetMode="External"/></Relationships>
</file>

<file path=ppt/slides/_rels/slide11.xml.rels><?xml version="1.0" encoding="UTF-8" standalone="yes"?>
<Relationships xmlns="http://schemas.openxmlformats.org/package/2006/relationships"><Relationship Id="rId3" Type="http://schemas.openxmlformats.org/officeDocument/2006/relationships/hyperlink" Target="https://moodle.org/?lang=en_us" TargetMode="External"/><Relationship Id="rId2" Type="http://schemas.openxmlformats.org/officeDocument/2006/relationships/slideLayout" Target="../slideLayouts/slideLayout15.xml"/><Relationship Id="rId1" Type="http://schemas.openxmlformats.org/officeDocument/2006/relationships/tags" Target="../tags/tag30.xml"/><Relationship Id="rId6" Type="http://schemas.openxmlformats.org/officeDocument/2006/relationships/hyperlink" Target="https://www.talentlms.com/" TargetMode="External"/><Relationship Id="rId5" Type="http://schemas.openxmlformats.org/officeDocument/2006/relationships/hyperlink" Target="https://www.schoology.com/" TargetMode="External"/><Relationship Id="rId4" Type="http://schemas.openxmlformats.org/officeDocument/2006/relationships/hyperlink" Target="https://open.edx.org/" TargetMode="External"/></Relationships>
</file>

<file path=ppt/slides/_rels/slide12.xml.rels><?xml version="1.0" encoding="UTF-8" standalone="yes"?>
<Relationships xmlns="http://schemas.openxmlformats.org/package/2006/relationships"><Relationship Id="rId2" Type="http://schemas.openxmlformats.org/officeDocument/2006/relationships/slideLayout" Target="../slideLayouts/slideLayout25.xml"/><Relationship Id="rId1" Type="http://schemas.openxmlformats.org/officeDocument/2006/relationships/tags" Target="../tags/tag31.xml"/></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33.xml"/><Relationship Id="rId1" Type="http://schemas.openxmlformats.org/officeDocument/2006/relationships/tags" Target="../tags/tag32.xml"/><Relationship Id="rId4" Type="http://schemas.openxmlformats.org/officeDocument/2006/relationships/image" Target="../media/image1.tmp"/></Relationships>
</file>

<file path=ppt/slides/_rels/slide2.xml.rels><?xml version="1.0" encoding="UTF-8" standalone="yes"?>
<Relationships xmlns="http://schemas.openxmlformats.org/package/2006/relationships"><Relationship Id="rId2" Type="http://schemas.openxmlformats.org/officeDocument/2006/relationships/slideLayout" Target="../slideLayouts/slideLayout6.xml"/><Relationship Id="rId1" Type="http://schemas.openxmlformats.org/officeDocument/2006/relationships/tags" Target="../tags/tag12.xml"/></Relationships>
</file>

<file path=ppt/slides/_rels/slide3.xml.rels><?xml version="1.0" encoding="UTF-8" standalone="yes"?>
<Relationships xmlns="http://schemas.openxmlformats.org/package/2006/relationships"><Relationship Id="rId2" Type="http://schemas.openxmlformats.org/officeDocument/2006/relationships/slideLayout" Target="../slideLayouts/slideLayout8.xml"/><Relationship Id="rId1" Type="http://schemas.openxmlformats.org/officeDocument/2006/relationships/tags" Target="../tags/tag13.xml"/></Relationships>
</file>

<file path=ppt/slides/_rels/slide4.xml.rels><?xml version="1.0" encoding="UTF-8" standalone="yes"?>
<Relationships xmlns="http://schemas.openxmlformats.org/package/2006/relationships"><Relationship Id="rId2" Type="http://schemas.openxmlformats.org/officeDocument/2006/relationships/slideLayout" Target="../slideLayouts/slideLayout23.xml"/><Relationship Id="rId1" Type="http://schemas.openxmlformats.org/officeDocument/2006/relationships/tags" Target="../tags/tag14.xml"/></Relationships>
</file>

<file path=ppt/slides/_rels/slide5.xml.rels><?xml version="1.0" encoding="UTF-8" standalone="yes"?>
<Relationships xmlns="http://schemas.openxmlformats.org/package/2006/relationships"><Relationship Id="rId2" Type="http://schemas.openxmlformats.org/officeDocument/2006/relationships/slideLayout" Target="../slideLayouts/slideLayout20.xml"/><Relationship Id="rId1" Type="http://schemas.openxmlformats.org/officeDocument/2006/relationships/tags" Target="../tags/tag15.xml"/></Relationships>
</file>

<file path=ppt/slides/_rels/slide6.xml.rels><?xml version="1.0" encoding="UTF-8" standalone="yes"?>
<Relationships xmlns="http://schemas.openxmlformats.org/package/2006/relationships"><Relationship Id="rId2" Type="http://schemas.openxmlformats.org/officeDocument/2006/relationships/slideLayout" Target="../slideLayouts/slideLayout25.xml"/><Relationship Id="rId1" Type="http://schemas.openxmlformats.org/officeDocument/2006/relationships/tags" Target="../tags/tag16.xml"/></Relationships>
</file>

<file path=ppt/slides/_rels/slide7.xml.rels><?xml version="1.0" encoding="UTF-8" standalone="yes"?>
<Relationships xmlns="http://schemas.openxmlformats.org/package/2006/relationships"><Relationship Id="rId2" Type="http://schemas.openxmlformats.org/officeDocument/2006/relationships/slideLayout" Target="../slideLayouts/slideLayout25.xml"/><Relationship Id="rId1" Type="http://schemas.openxmlformats.org/officeDocument/2006/relationships/tags" Target="../tags/tag17.xml"/></Relationships>
</file>

<file path=ppt/slides/_rels/slide8.xml.rels><?xml version="1.0" encoding="UTF-8" standalone="yes"?>
<Relationships xmlns="http://schemas.openxmlformats.org/package/2006/relationships"><Relationship Id="rId2" Type="http://schemas.openxmlformats.org/officeDocument/2006/relationships/slideLayout" Target="../slideLayouts/slideLayout25.xml"/><Relationship Id="rId1" Type="http://schemas.openxmlformats.org/officeDocument/2006/relationships/tags" Target="../tags/tag18.xml"/></Relationships>
</file>

<file path=ppt/slides/_rels/slide9.xml.rels><?xml version="1.0" encoding="UTF-8" standalone="yes"?>
<Relationships xmlns="http://schemas.openxmlformats.org/package/2006/relationships"><Relationship Id="rId8" Type="http://schemas.openxmlformats.org/officeDocument/2006/relationships/tags" Target="../tags/tag26.xml"/><Relationship Id="rId3" Type="http://schemas.openxmlformats.org/officeDocument/2006/relationships/tags" Target="../tags/tag21.xml"/><Relationship Id="rId7" Type="http://schemas.openxmlformats.org/officeDocument/2006/relationships/tags" Target="../tags/tag25.xml"/><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tags" Target="../tags/tag24.xml"/><Relationship Id="rId11" Type="http://schemas.openxmlformats.org/officeDocument/2006/relationships/slideLayout" Target="../slideLayouts/slideLayout7.xml"/><Relationship Id="rId5" Type="http://schemas.openxmlformats.org/officeDocument/2006/relationships/tags" Target="../tags/tag23.xml"/><Relationship Id="rId10" Type="http://schemas.openxmlformats.org/officeDocument/2006/relationships/tags" Target="../tags/tag28.xml"/><Relationship Id="rId4" Type="http://schemas.openxmlformats.org/officeDocument/2006/relationships/tags" Target="../tags/tag22.xml"/><Relationship Id="rId9" Type="http://schemas.openxmlformats.org/officeDocument/2006/relationships/tags" Target="../tags/tag2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8C445537-AE2C-470F-9D00-A65967D6E1AD}"/>
              </a:ext>
            </a:extLst>
          </p:cNvPr>
          <p:cNvSpPr>
            <a:spLocks noChangeAspect="1"/>
          </p:cNvSpPr>
          <p:nvPr>
            <p:custDataLst>
              <p:tags r:id="rId2"/>
            </p:custDataLst>
          </p:nvPr>
        </p:nvSpPr>
        <p:spPr>
          <a:xfrm>
            <a:off x="9866375" y="7443216"/>
            <a:ext cx="4078225" cy="274320"/>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7" name="PitchProTitleShape">
            <a:extLst>
              <a:ext uri="{FF2B5EF4-FFF2-40B4-BE49-F238E27FC236}">
                <a16:creationId xmlns:a16="http://schemas.microsoft.com/office/drawing/2014/main" id="{8F60A9EC-E641-45CB-AAEC-54A982DD9BAC}"/>
              </a:ext>
            </a:extLst>
          </p:cNvPr>
          <p:cNvSpPr>
            <a:spLocks noGrp="1"/>
          </p:cNvSpPr>
          <p:nvPr>
            <p:ph type="title" idx="10"/>
          </p:nvPr>
        </p:nvSpPr>
        <p:spPr>
          <a:xfrm>
            <a:off x="694944" y="2998780"/>
            <a:ext cx="13249656" cy="677108"/>
          </a:xfrm>
        </p:spPr>
        <p:txBody>
          <a:bodyPr/>
          <a:lstStyle/>
          <a:p>
            <a:r>
              <a:rPr lang="en-US" sz="4400" dirty="0"/>
              <a:t>Learning Management Systems</a:t>
            </a:r>
          </a:p>
        </p:txBody>
      </p:sp>
      <p:sp>
        <p:nvSpPr>
          <p:cNvPr id="5" name="CoverPageDateText">
            <a:extLst>
              <a:ext uri="{FF2B5EF4-FFF2-40B4-BE49-F238E27FC236}">
                <a16:creationId xmlns:a16="http://schemas.microsoft.com/office/drawing/2014/main" id="{943977B8-229A-44BD-83AE-F284370012A8}"/>
              </a:ext>
            </a:extLst>
          </p:cNvPr>
          <p:cNvSpPr>
            <a:spLocks noGrp="1"/>
          </p:cNvSpPr>
          <p:nvPr>
            <p:ph type="body" sz="quarter" idx="13"/>
          </p:nvPr>
        </p:nvSpPr>
        <p:spPr>
          <a:xfrm>
            <a:off x="694944" y="3922776"/>
            <a:ext cx="4379976" cy="384048"/>
          </a:xfrm>
        </p:spPr>
        <p:txBody>
          <a:bodyPr/>
          <a:lstStyle/>
          <a:p>
            <a:r>
              <a:rPr lang="en-US" sz="2800" dirty="0"/>
              <a:t>Navigating the What, Why, and When for Nonprofits</a:t>
            </a:r>
          </a:p>
        </p:txBody>
      </p:sp>
    </p:spTree>
    <p:custDataLst>
      <p:tags r:id="rId1"/>
    </p:custDataLst>
    <p:extLst>
      <p:ext uri="{BB962C8B-B14F-4D97-AF65-F5344CB8AC3E}">
        <p14:creationId xmlns:p14="http://schemas.microsoft.com/office/powerpoint/2010/main" val="204195608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CED0BBD1-1335-4BB2-96A0-35818DD99E3A}"/>
              </a:ext>
            </a:extLst>
          </p:cNvPr>
          <p:cNvSpPr>
            <a:spLocks noGrp="1"/>
          </p:cNvSpPr>
          <p:nvPr>
            <p:ph type="title"/>
          </p:nvPr>
        </p:nvSpPr>
        <p:spPr/>
        <p:txBody>
          <a:bodyPr/>
          <a:lstStyle/>
          <a:p>
            <a:r>
              <a:rPr lang="en-US" sz="2800" dirty="0"/>
              <a:t>Learning Management Systems Comparison Matrix</a:t>
            </a:r>
          </a:p>
        </p:txBody>
      </p:sp>
      <p:sp>
        <p:nvSpPr>
          <p:cNvPr id="6" name="Subtitle 5">
            <a:extLst>
              <a:ext uri="{FF2B5EF4-FFF2-40B4-BE49-F238E27FC236}">
                <a16:creationId xmlns:a16="http://schemas.microsoft.com/office/drawing/2014/main" id="{F1CE0D08-6ADA-4CA7-B961-8E14C5FA118E}"/>
              </a:ext>
            </a:extLst>
          </p:cNvPr>
          <p:cNvSpPr>
            <a:spLocks noGrp="1"/>
          </p:cNvSpPr>
          <p:nvPr>
            <p:ph type="subTitle" idx="10"/>
          </p:nvPr>
        </p:nvSpPr>
        <p:spPr/>
        <p:txBody>
          <a:bodyPr/>
          <a:lstStyle/>
          <a:p>
            <a:r>
              <a:rPr lang="en-US" dirty="0"/>
              <a:t>TIP: Many LMS software companies offer reduced or special rates for non-profit organizations. It never hurts to ask!</a:t>
            </a:r>
          </a:p>
        </p:txBody>
      </p:sp>
      <p:graphicFrame>
        <p:nvGraphicFramePr>
          <p:cNvPr id="7" name="Table 6">
            <a:extLst>
              <a:ext uri="{FF2B5EF4-FFF2-40B4-BE49-F238E27FC236}">
                <a16:creationId xmlns:a16="http://schemas.microsoft.com/office/drawing/2014/main" id="{12232453-2CB2-432F-BE12-B4AF2BCF17A3}"/>
              </a:ext>
            </a:extLst>
          </p:cNvPr>
          <p:cNvGraphicFramePr>
            <a:graphicFrameLocks noGrp="1"/>
          </p:cNvGraphicFramePr>
          <p:nvPr>
            <p:extLst>
              <p:ext uri="{D42A27DB-BD31-4B8C-83A1-F6EECF244321}">
                <p14:modId xmlns:p14="http://schemas.microsoft.com/office/powerpoint/2010/main" val="979233367"/>
              </p:ext>
            </p:extLst>
          </p:nvPr>
        </p:nvGraphicFramePr>
        <p:xfrm>
          <a:off x="595464" y="2496531"/>
          <a:ext cx="13349136" cy="4643461"/>
        </p:xfrm>
        <a:graphic>
          <a:graphicData uri="http://schemas.openxmlformats.org/drawingml/2006/table">
            <a:tbl>
              <a:tblPr firstRow="1" bandRow="1">
                <a:tableStyleId>{5C22544A-7EE6-4342-B048-85BDC9FD1C3A}</a:tableStyleId>
              </a:tblPr>
              <a:tblGrid>
                <a:gridCol w="1582159">
                  <a:extLst>
                    <a:ext uri="{9D8B030D-6E8A-4147-A177-3AD203B41FA5}">
                      <a16:colId xmlns:a16="http://schemas.microsoft.com/office/drawing/2014/main" val="20000"/>
                    </a:ext>
                  </a:extLst>
                </a:gridCol>
                <a:gridCol w="1797440">
                  <a:extLst>
                    <a:ext uri="{9D8B030D-6E8A-4147-A177-3AD203B41FA5}">
                      <a16:colId xmlns:a16="http://schemas.microsoft.com/office/drawing/2014/main" val="20001"/>
                    </a:ext>
                  </a:extLst>
                </a:gridCol>
                <a:gridCol w="2544072">
                  <a:extLst>
                    <a:ext uri="{9D8B030D-6E8A-4147-A177-3AD203B41FA5}">
                      <a16:colId xmlns:a16="http://schemas.microsoft.com/office/drawing/2014/main" val="20002"/>
                    </a:ext>
                  </a:extLst>
                </a:gridCol>
                <a:gridCol w="1277328">
                  <a:extLst>
                    <a:ext uri="{9D8B030D-6E8A-4147-A177-3AD203B41FA5}">
                      <a16:colId xmlns:a16="http://schemas.microsoft.com/office/drawing/2014/main" val="20003"/>
                    </a:ext>
                  </a:extLst>
                </a:gridCol>
                <a:gridCol w="2644053">
                  <a:extLst>
                    <a:ext uri="{9D8B030D-6E8A-4147-A177-3AD203B41FA5}">
                      <a16:colId xmlns:a16="http://schemas.microsoft.com/office/drawing/2014/main" val="20004"/>
                    </a:ext>
                  </a:extLst>
                </a:gridCol>
                <a:gridCol w="2069589">
                  <a:extLst>
                    <a:ext uri="{9D8B030D-6E8A-4147-A177-3AD203B41FA5}">
                      <a16:colId xmlns:a16="http://schemas.microsoft.com/office/drawing/2014/main" val="20005"/>
                    </a:ext>
                  </a:extLst>
                </a:gridCol>
                <a:gridCol w="1434495">
                  <a:extLst>
                    <a:ext uri="{9D8B030D-6E8A-4147-A177-3AD203B41FA5}">
                      <a16:colId xmlns:a16="http://schemas.microsoft.com/office/drawing/2014/main" val="20006"/>
                    </a:ext>
                  </a:extLst>
                </a:gridCol>
              </a:tblGrid>
              <a:tr h="1035382">
                <a:tc>
                  <a:txBody>
                    <a:bodyPr/>
                    <a:lstStyle/>
                    <a:p>
                      <a:pPr algn="ctr"/>
                      <a:r>
                        <a:rPr lang="en-US" sz="1100" b="1" i="1" dirty="0">
                          <a:solidFill>
                            <a:schemeClr val="bg1"/>
                          </a:solidFill>
                          <a:latin typeface="AmplitudeTF" panose="02000506050000020004" pitchFamily="50" charset="0"/>
                          <a:cs typeface="Arial" panose="020B0604020202020204" pitchFamily="34" charset="0"/>
                        </a:rPr>
                        <a:t>Definition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Basic information on the LMS tool</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Takes into consideration time to market, what type of skills are required to implement and support, ease of user interface, ease of creating conten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Multi-platform support: Mobile, tablet, personal computer</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What is the extent of the products capabilities to customize learning paths, tip sheets, online videos, knowledge checks/ testing, self-directed learning, multi-lingual, gamification?</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1" i="1" dirty="0">
                          <a:solidFill>
                            <a:schemeClr val="bg1"/>
                          </a:solidFill>
                          <a:latin typeface="AmplitudeTF" panose="02000506050000020004" pitchFamily="50" charset="0"/>
                          <a:cs typeface="Arial" panose="020B0604020202020204" pitchFamily="34" charset="0"/>
                        </a:rPr>
                        <a:t>User tracking and reporting &amp; analytic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What are some of the cost considerations (licensing, infrastructure, suppor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extLst>
                  <a:ext uri="{0D108BD9-81ED-4DB2-BD59-A6C34878D82A}">
                    <a16:rowId xmlns:a16="http://schemas.microsoft.com/office/drawing/2014/main" val="10000"/>
                  </a:ext>
                </a:extLst>
              </a:tr>
              <a:tr h="1054078">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hlinkClick r:id="rId3"/>
                        </a:rPr>
                        <a:t>Atutor</a:t>
                      </a:r>
                      <a:endParaRPr lang="en-US" sz="1100" b="0" i="0" dirty="0">
                        <a:solidFill>
                          <a:schemeClr val="tx2"/>
                        </a:solidFill>
                        <a:latin typeface="AmplitudeTF" panose="02000506050000020004" pitchFamily="50" charset="0"/>
                        <a:cs typeface="Arial" panose="020B0604020202020204" pitchFamily="34" charset="0"/>
                      </a:endParaRPr>
                    </a:p>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Open Sourc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Atutor is "an Open Source LMS, used to develop and manage online courses and to create and distribute interoperable eLearning conten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Higher complexity to implement and support, simple interfac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Web-based only</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xtensive customization option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Available tracking</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No cost for licensing or support, possible costs for infrastructur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10001"/>
                  </a:ext>
                </a:extLst>
              </a:tr>
              <a:tr h="755337">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hlinkClick r:id="rId4"/>
                        </a:rPr>
                        <a:t>EasyLMS</a:t>
                      </a:r>
                      <a:endParaRPr lang="en-US" sz="1100" b="0" i="0" dirty="0">
                        <a:solidFill>
                          <a:schemeClr val="tx2"/>
                        </a:solidFill>
                        <a:latin typeface="AmplitudeTF" panose="02000506050000020004" pitchFamily="50" charset="0"/>
                        <a:cs typeface="Arial" panose="020B0604020202020204" pitchFamily="34" charset="0"/>
                      </a:endParaRP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asy LMS is all about "No technical skills needed."</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Low complexity, extensive support network, easy to create content, extensive existing conten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Web-based only</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xtensive customization options, integration with other system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Available tracking</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Monthly fees for service, infrastructure included</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10002"/>
                  </a:ext>
                </a:extLst>
              </a:tr>
              <a:tr h="725726">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hlinkClick r:id="rId5"/>
                        </a:rPr>
                        <a:t>Edsby</a:t>
                      </a:r>
                      <a:endParaRPr lang="en-US" sz="1100" b="0" i="0" dirty="0">
                        <a:solidFill>
                          <a:schemeClr val="tx2"/>
                        </a:solidFill>
                        <a:latin typeface="AmplitudeTF" panose="02000506050000020004" pitchFamily="50" charset="0"/>
                        <a:cs typeface="Arial" panose="020B0604020202020204" pitchFamily="34" charset="0"/>
                      </a:endParaRP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dsby is the most comprehensive digital learning and data system available for K-12"</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Low complexity, extensive support network, easy to create content, extensive existing conten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Web-based only</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xtensive customization options, integration with other system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Available tracking</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Contact Edsby for licensing fee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10003"/>
                  </a:ext>
                </a:extLst>
              </a:tr>
              <a:tr h="1035382">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hlinkClick r:id="rId6"/>
                        </a:rPr>
                        <a:t>Google Classroom</a:t>
                      </a:r>
                      <a:endParaRPr lang="en-US" sz="1100" b="0" i="0" dirty="0">
                        <a:solidFill>
                          <a:schemeClr val="tx2"/>
                        </a:solidFill>
                        <a:latin typeface="AmplitudeTF" panose="02000506050000020004" pitchFamily="50" charset="0"/>
                        <a:cs typeface="Arial" panose="020B0604020202020204" pitchFamily="34" charset="0"/>
                      </a:endParaRP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Google Classroom "aims to simplify creating, distributing, and grading assignments in a paperless way."</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Higher complexity to implement and support, simple interfac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Multi-platform support: Mobile, tablet, personal computer</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xtensive customization option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Available tracking</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No cost for licensing or support, possible costs for infrastructur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1609426767"/>
                  </a:ext>
                </a:extLst>
              </a:tr>
            </a:tbl>
          </a:graphicData>
        </a:graphic>
      </p:graphicFrame>
      <p:grpSp>
        <p:nvGrpSpPr>
          <p:cNvPr id="33" name="Group 32">
            <a:extLst>
              <a:ext uri="{FF2B5EF4-FFF2-40B4-BE49-F238E27FC236}">
                <a16:creationId xmlns:a16="http://schemas.microsoft.com/office/drawing/2014/main" id="{A992251F-69F2-4E83-8561-FD64F8027C81}"/>
              </a:ext>
            </a:extLst>
          </p:cNvPr>
          <p:cNvGrpSpPr/>
          <p:nvPr/>
        </p:nvGrpSpPr>
        <p:grpSpPr>
          <a:xfrm>
            <a:off x="581816" y="1753664"/>
            <a:ext cx="13362783" cy="722376"/>
            <a:chOff x="477838" y="1755479"/>
            <a:chExt cx="7968429" cy="685585"/>
          </a:xfrm>
        </p:grpSpPr>
        <p:sp>
          <p:nvSpPr>
            <p:cNvPr id="9" name="Rectangle 8">
              <a:extLst>
                <a:ext uri="{FF2B5EF4-FFF2-40B4-BE49-F238E27FC236}">
                  <a16:creationId xmlns:a16="http://schemas.microsoft.com/office/drawing/2014/main" id="{DEC108A5-102B-4FA3-BF08-4C6125C80AB7}"/>
                </a:ext>
              </a:extLst>
            </p:cNvPr>
            <p:cNvSpPr/>
            <p:nvPr/>
          </p:nvSpPr>
          <p:spPr>
            <a:xfrm>
              <a:off x="4814198" y="2347424"/>
              <a:ext cx="1539019"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10" name="Rectangle 9">
              <a:extLst>
                <a:ext uri="{FF2B5EF4-FFF2-40B4-BE49-F238E27FC236}">
                  <a16:creationId xmlns:a16="http://schemas.microsoft.com/office/drawing/2014/main" id="{F873F816-B774-4B7B-B8E1-ECD768B05CA4}"/>
                </a:ext>
              </a:extLst>
            </p:cNvPr>
            <p:cNvSpPr/>
            <p:nvPr/>
          </p:nvSpPr>
          <p:spPr>
            <a:xfrm>
              <a:off x="4814198" y="1755479"/>
              <a:ext cx="1539019" cy="646415"/>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11" name="Rectangle 10">
              <a:extLst>
                <a:ext uri="{FF2B5EF4-FFF2-40B4-BE49-F238E27FC236}">
                  <a16:creationId xmlns:a16="http://schemas.microsoft.com/office/drawing/2014/main" id="{AE418297-242E-4E8A-9B35-A244482BC40D}"/>
                </a:ext>
              </a:extLst>
            </p:cNvPr>
            <p:cNvSpPr/>
            <p:nvPr/>
          </p:nvSpPr>
          <p:spPr>
            <a:xfrm>
              <a:off x="477838" y="2347424"/>
              <a:ext cx="939724"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12" name="Rectangle 11">
              <a:extLst>
                <a:ext uri="{FF2B5EF4-FFF2-40B4-BE49-F238E27FC236}">
                  <a16:creationId xmlns:a16="http://schemas.microsoft.com/office/drawing/2014/main" id="{7248D784-1C24-4C4B-9688-AEB7AF121B8E}"/>
                </a:ext>
              </a:extLst>
            </p:cNvPr>
            <p:cNvSpPr/>
            <p:nvPr/>
          </p:nvSpPr>
          <p:spPr>
            <a:xfrm>
              <a:off x="477838" y="1755479"/>
              <a:ext cx="939724" cy="646415"/>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13" name="TextBox 12">
              <a:extLst>
                <a:ext uri="{FF2B5EF4-FFF2-40B4-BE49-F238E27FC236}">
                  <a16:creationId xmlns:a16="http://schemas.microsoft.com/office/drawing/2014/main" id="{66CFF78B-1A20-4F13-BD97-A5B757A08EFD}"/>
                </a:ext>
              </a:extLst>
            </p:cNvPr>
            <p:cNvSpPr txBox="1"/>
            <p:nvPr/>
          </p:nvSpPr>
          <p:spPr>
            <a:xfrm>
              <a:off x="477839" y="1859611"/>
              <a:ext cx="939723" cy="438152"/>
            </a:xfrm>
            <a:prstGeom prst="rect">
              <a:avLst/>
            </a:prstGeom>
            <a:noFill/>
          </p:spPr>
          <p:txBody>
            <a:bodyPr wrap="square" rtlCol="0" anchor="ctr">
              <a:spAutoFit/>
            </a:bodyPr>
            <a:lstStyle/>
            <a:p>
              <a:pPr algn="ctr"/>
              <a:r>
                <a:rPr lang="en-US" sz="1200" b="1" dirty="0">
                  <a:solidFill>
                    <a:schemeClr val="bg1"/>
                  </a:solidFill>
                  <a:latin typeface="AmplitudeTF" panose="02000506050000020004" pitchFamily="50" charset="0"/>
                </a:rPr>
                <a:t>LMS PRIMARY SOURCE</a:t>
              </a:r>
              <a:endParaRPr lang="en-US" sz="1200" dirty="0">
                <a:solidFill>
                  <a:schemeClr val="bg1"/>
                </a:solidFill>
                <a:latin typeface="AmplitudeTF" panose="02000506050000020004" pitchFamily="50" charset="0"/>
              </a:endParaRPr>
            </a:p>
          </p:txBody>
        </p:sp>
        <p:sp>
          <p:nvSpPr>
            <p:cNvPr id="14" name="Rectangle 13">
              <a:extLst>
                <a:ext uri="{FF2B5EF4-FFF2-40B4-BE49-F238E27FC236}">
                  <a16:creationId xmlns:a16="http://schemas.microsoft.com/office/drawing/2014/main" id="{387A5287-AB2E-4474-B8D5-89CE834BC936}"/>
                </a:ext>
              </a:extLst>
            </p:cNvPr>
            <p:cNvSpPr/>
            <p:nvPr/>
          </p:nvSpPr>
          <p:spPr>
            <a:xfrm>
              <a:off x="1427002" y="2347424"/>
              <a:ext cx="1065142"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15" name="Rectangle 14">
              <a:extLst>
                <a:ext uri="{FF2B5EF4-FFF2-40B4-BE49-F238E27FC236}">
                  <a16:creationId xmlns:a16="http://schemas.microsoft.com/office/drawing/2014/main" id="{329E8EE3-2834-437F-B597-A82B24C569C4}"/>
                </a:ext>
              </a:extLst>
            </p:cNvPr>
            <p:cNvSpPr/>
            <p:nvPr/>
          </p:nvSpPr>
          <p:spPr>
            <a:xfrm>
              <a:off x="1427002" y="1755479"/>
              <a:ext cx="1065142" cy="646415"/>
            </a:xfrm>
            <a:prstGeom prst="rect">
              <a:avLst/>
            </a:prstGeom>
            <a:solidFill>
              <a:schemeClr val="bg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16" name="TextBox 15">
              <a:extLst>
                <a:ext uri="{FF2B5EF4-FFF2-40B4-BE49-F238E27FC236}">
                  <a16:creationId xmlns:a16="http://schemas.microsoft.com/office/drawing/2014/main" id="{67DD2BDD-8F64-4689-8659-5F4CA6B69E6A}"/>
                </a:ext>
              </a:extLst>
            </p:cNvPr>
            <p:cNvSpPr txBox="1"/>
            <p:nvPr/>
          </p:nvSpPr>
          <p:spPr>
            <a:xfrm>
              <a:off x="1417562" y="1947241"/>
              <a:ext cx="1065141" cy="262891"/>
            </a:xfrm>
            <a:prstGeom prst="rect">
              <a:avLst/>
            </a:prstGeom>
            <a:noFill/>
          </p:spPr>
          <p:txBody>
            <a:bodyPr wrap="square" rtlCol="0" anchor="ctr">
              <a:spAutoFit/>
            </a:bodyPr>
            <a:lstStyle/>
            <a:p>
              <a:pPr algn="ctr"/>
              <a:r>
                <a:rPr lang="en-US" sz="1200" b="1" dirty="0">
                  <a:solidFill>
                    <a:schemeClr val="bg1"/>
                  </a:solidFill>
                  <a:latin typeface="AmplitudeTF" panose="02000506050000020004" pitchFamily="50" charset="0"/>
                </a:rPr>
                <a:t>OVERVIEW</a:t>
              </a:r>
              <a:endParaRPr lang="en-US" sz="1200" dirty="0">
                <a:solidFill>
                  <a:schemeClr val="bg1"/>
                </a:solidFill>
                <a:latin typeface="AmplitudeTF" panose="02000506050000020004" pitchFamily="50" charset="0"/>
              </a:endParaRPr>
            </a:p>
          </p:txBody>
        </p:sp>
        <p:sp>
          <p:nvSpPr>
            <p:cNvPr id="17" name="Rectangle 16">
              <a:extLst>
                <a:ext uri="{FF2B5EF4-FFF2-40B4-BE49-F238E27FC236}">
                  <a16:creationId xmlns:a16="http://schemas.microsoft.com/office/drawing/2014/main" id="{CA071612-1A64-4943-BCE0-44936880E937}"/>
                </a:ext>
              </a:extLst>
            </p:cNvPr>
            <p:cNvSpPr/>
            <p:nvPr/>
          </p:nvSpPr>
          <p:spPr>
            <a:xfrm>
              <a:off x="2501583" y="2347424"/>
              <a:ext cx="1509340"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18" name="Rectangle 17">
              <a:extLst>
                <a:ext uri="{FF2B5EF4-FFF2-40B4-BE49-F238E27FC236}">
                  <a16:creationId xmlns:a16="http://schemas.microsoft.com/office/drawing/2014/main" id="{92772D31-8C60-41D3-9E14-54F1867ECFDF}"/>
                </a:ext>
              </a:extLst>
            </p:cNvPr>
            <p:cNvSpPr/>
            <p:nvPr/>
          </p:nvSpPr>
          <p:spPr>
            <a:xfrm>
              <a:off x="2501583" y="1755479"/>
              <a:ext cx="1509340" cy="646415"/>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19" name="TextBox 18">
              <a:extLst>
                <a:ext uri="{FF2B5EF4-FFF2-40B4-BE49-F238E27FC236}">
                  <a16:creationId xmlns:a16="http://schemas.microsoft.com/office/drawing/2014/main" id="{519C45F5-9910-4DAE-ADF8-C282DBE587F8}"/>
                </a:ext>
              </a:extLst>
            </p:cNvPr>
            <p:cNvSpPr txBox="1"/>
            <p:nvPr/>
          </p:nvSpPr>
          <p:spPr>
            <a:xfrm>
              <a:off x="2426117" y="1947241"/>
              <a:ext cx="1660272" cy="262891"/>
            </a:xfrm>
            <a:prstGeom prst="rect">
              <a:avLst/>
            </a:prstGeom>
            <a:noFill/>
          </p:spPr>
          <p:txBody>
            <a:bodyPr wrap="square" rtlCol="0" anchor="ctr">
              <a:spAutoFit/>
            </a:bodyPr>
            <a:lstStyle/>
            <a:p>
              <a:pPr algn="ctr" fontAlgn="t"/>
              <a:r>
                <a:rPr lang="en-US" sz="1200" b="1" dirty="0">
                  <a:solidFill>
                    <a:schemeClr val="bg1"/>
                  </a:solidFill>
                  <a:latin typeface="AmplitudeTF" panose="02000506050000020004" pitchFamily="50" charset="0"/>
                </a:rPr>
                <a:t>COMPLEXITY</a:t>
              </a:r>
              <a:endParaRPr lang="en-US" sz="1200" dirty="0">
                <a:solidFill>
                  <a:schemeClr val="bg1"/>
                </a:solidFill>
                <a:latin typeface="AmplitudeTF" panose="02000506050000020004" pitchFamily="50" charset="0"/>
              </a:endParaRPr>
            </a:p>
          </p:txBody>
        </p:sp>
        <p:sp>
          <p:nvSpPr>
            <p:cNvPr id="20" name="Rectangle 19">
              <a:extLst>
                <a:ext uri="{FF2B5EF4-FFF2-40B4-BE49-F238E27FC236}">
                  <a16:creationId xmlns:a16="http://schemas.microsoft.com/office/drawing/2014/main" id="{0D311E98-8E84-4CB1-B4DD-E6B63A244637}"/>
                </a:ext>
              </a:extLst>
            </p:cNvPr>
            <p:cNvSpPr/>
            <p:nvPr/>
          </p:nvSpPr>
          <p:spPr>
            <a:xfrm>
              <a:off x="4020362" y="2347424"/>
              <a:ext cx="784397"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21" name="Rectangle 20">
              <a:extLst>
                <a:ext uri="{FF2B5EF4-FFF2-40B4-BE49-F238E27FC236}">
                  <a16:creationId xmlns:a16="http://schemas.microsoft.com/office/drawing/2014/main" id="{C6CCD679-4798-46FC-AB60-8566F92EF912}"/>
                </a:ext>
              </a:extLst>
            </p:cNvPr>
            <p:cNvSpPr/>
            <p:nvPr/>
          </p:nvSpPr>
          <p:spPr>
            <a:xfrm>
              <a:off x="4020362" y="1755479"/>
              <a:ext cx="784397" cy="646415"/>
            </a:xfrm>
            <a:prstGeom prst="rect">
              <a:avLst/>
            </a:prstGeom>
            <a:solidFill>
              <a:schemeClr val="bg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22" name="TextBox 21">
              <a:extLst>
                <a:ext uri="{FF2B5EF4-FFF2-40B4-BE49-F238E27FC236}">
                  <a16:creationId xmlns:a16="http://schemas.microsoft.com/office/drawing/2014/main" id="{45E093BB-A39F-4FA4-BAF0-D6DFD54EA7A6}"/>
                </a:ext>
              </a:extLst>
            </p:cNvPr>
            <p:cNvSpPr txBox="1"/>
            <p:nvPr/>
          </p:nvSpPr>
          <p:spPr>
            <a:xfrm>
              <a:off x="4020363" y="1947241"/>
              <a:ext cx="784396" cy="262891"/>
            </a:xfrm>
            <a:prstGeom prst="rect">
              <a:avLst/>
            </a:prstGeom>
            <a:noFill/>
          </p:spPr>
          <p:txBody>
            <a:bodyPr wrap="square" rtlCol="0" anchor="ctr">
              <a:spAutoFit/>
            </a:bodyPr>
            <a:lstStyle/>
            <a:p>
              <a:pPr algn="ctr"/>
              <a:r>
                <a:rPr lang="en-US" sz="1200" b="1" dirty="0">
                  <a:solidFill>
                    <a:schemeClr val="bg1"/>
                  </a:solidFill>
                  <a:latin typeface="AmplitudeTF" panose="02000506050000020004" pitchFamily="50" charset="0"/>
                </a:rPr>
                <a:t>FLEXIBILITY</a:t>
              </a:r>
              <a:endParaRPr lang="en-US" sz="1200" dirty="0">
                <a:solidFill>
                  <a:schemeClr val="bg1"/>
                </a:solidFill>
                <a:latin typeface="AmplitudeTF" panose="02000506050000020004" pitchFamily="50" charset="0"/>
              </a:endParaRPr>
            </a:p>
          </p:txBody>
        </p:sp>
        <p:sp>
          <p:nvSpPr>
            <p:cNvPr id="23" name="Rectangle 22">
              <a:extLst>
                <a:ext uri="{FF2B5EF4-FFF2-40B4-BE49-F238E27FC236}">
                  <a16:creationId xmlns:a16="http://schemas.microsoft.com/office/drawing/2014/main" id="{F8929A39-125E-4528-8A95-E456DCD32F42}"/>
                </a:ext>
              </a:extLst>
            </p:cNvPr>
            <p:cNvSpPr/>
            <p:nvPr/>
          </p:nvSpPr>
          <p:spPr>
            <a:xfrm>
              <a:off x="6362656" y="2347424"/>
              <a:ext cx="1223158"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24" name="Rectangle 23">
              <a:extLst>
                <a:ext uri="{FF2B5EF4-FFF2-40B4-BE49-F238E27FC236}">
                  <a16:creationId xmlns:a16="http://schemas.microsoft.com/office/drawing/2014/main" id="{31F704C1-C07F-4F2C-8752-0E8C4A9FFB5E}"/>
                </a:ext>
              </a:extLst>
            </p:cNvPr>
            <p:cNvSpPr/>
            <p:nvPr/>
          </p:nvSpPr>
          <p:spPr>
            <a:xfrm>
              <a:off x="6362656" y="1755479"/>
              <a:ext cx="1223158" cy="646415"/>
            </a:xfrm>
            <a:prstGeom prst="rect">
              <a:avLst/>
            </a:prstGeom>
            <a:solidFill>
              <a:schemeClr val="bg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25" name="TextBox 24">
              <a:extLst>
                <a:ext uri="{FF2B5EF4-FFF2-40B4-BE49-F238E27FC236}">
                  <a16:creationId xmlns:a16="http://schemas.microsoft.com/office/drawing/2014/main" id="{2770B0FB-CB71-4C40-8E02-B318F5C559A3}"/>
                </a:ext>
              </a:extLst>
            </p:cNvPr>
            <p:cNvSpPr txBox="1"/>
            <p:nvPr/>
          </p:nvSpPr>
          <p:spPr>
            <a:xfrm>
              <a:off x="6362657" y="1947241"/>
              <a:ext cx="1223157" cy="262891"/>
            </a:xfrm>
            <a:prstGeom prst="rect">
              <a:avLst/>
            </a:prstGeom>
            <a:noFill/>
          </p:spPr>
          <p:txBody>
            <a:bodyPr wrap="square" rtlCol="0" anchor="ctr">
              <a:spAutoFit/>
            </a:bodyPr>
            <a:lstStyle/>
            <a:p>
              <a:pPr algn="ctr" fontAlgn="t"/>
              <a:r>
                <a:rPr lang="en-US" sz="1200" b="1" dirty="0">
                  <a:solidFill>
                    <a:schemeClr val="bg1"/>
                  </a:solidFill>
                  <a:latin typeface="AmplitudeTF" panose="02000506050000020004" pitchFamily="50" charset="0"/>
                </a:rPr>
                <a:t>COMPLIANCE</a:t>
              </a:r>
              <a:endParaRPr lang="en-US" sz="1200" dirty="0">
                <a:solidFill>
                  <a:schemeClr val="bg1"/>
                </a:solidFill>
                <a:latin typeface="AmplitudeTF" panose="02000506050000020004" pitchFamily="50" charset="0"/>
              </a:endParaRPr>
            </a:p>
          </p:txBody>
        </p:sp>
        <p:sp>
          <p:nvSpPr>
            <p:cNvPr id="26" name="Rectangle 25">
              <a:extLst>
                <a:ext uri="{FF2B5EF4-FFF2-40B4-BE49-F238E27FC236}">
                  <a16:creationId xmlns:a16="http://schemas.microsoft.com/office/drawing/2014/main" id="{A1D761F3-9296-4E73-998E-373F92F2A1D2}"/>
                </a:ext>
              </a:extLst>
            </p:cNvPr>
            <p:cNvSpPr/>
            <p:nvPr/>
          </p:nvSpPr>
          <p:spPr>
            <a:xfrm>
              <a:off x="7595254" y="2347424"/>
              <a:ext cx="851013"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27" name="Rectangle 26">
              <a:extLst>
                <a:ext uri="{FF2B5EF4-FFF2-40B4-BE49-F238E27FC236}">
                  <a16:creationId xmlns:a16="http://schemas.microsoft.com/office/drawing/2014/main" id="{64064C6A-90D9-4E8C-90F8-170C947D80D9}"/>
                </a:ext>
              </a:extLst>
            </p:cNvPr>
            <p:cNvSpPr/>
            <p:nvPr/>
          </p:nvSpPr>
          <p:spPr>
            <a:xfrm>
              <a:off x="7595254" y="1755479"/>
              <a:ext cx="851013" cy="646415"/>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28" name="TextBox 27">
              <a:extLst>
                <a:ext uri="{FF2B5EF4-FFF2-40B4-BE49-F238E27FC236}">
                  <a16:creationId xmlns:a16="http://schemas.microsoft.com/office/drawing/2014/main" id="{CE698676-B8E4-4E75-8795-3FE6B96E80FF}"/>
                </a:ext>
              </a:extLst>
            </p:cNvPr>
            <p:cNvSpPr txBox="1"/>
            <p:nvPr/>
          </p:nvSpPr>
          <p:spPr>
            <a:xfrm>
              <a:off x="7595255" y="1947241"/>
              <a:ext cx="851012" cy="262891"/>
            </a:xfrm>
            <a:prstGeom prst="rect">
              <a:avLst/>
            </a:prstGeom>
            <a:noFill/>
          </p:spPr>
          <p:txBody>
            <a:bodyPr wrap="square" rtlCol="0" anchor="ctr">
              <a:spAutoFit/>
            </a:bodyPr>
            <a:lstStyle/>
            <a:p>
              <a:pPr algn="ctr" fontAlgn="t"/>
              <a:r>
                <a:rPr lang="en-US" sz="1200" b="1" dirty="0">
                  <a:solidFill>
                    <a:schemeClr val="bg1"/>
                  </a:solidFill>
                  <a:latin typeface="AmplitudeTF" panose="02000506050000020004" pitchFamily="50" charset="0"/>
                </a:rPr>
                <a:t>COST </a:t>
              </a:r>
              <a:endParaRPr lang="en-US" sz="1200" dirty="0">
                <a:solidFill>
                  <a:schemeClr val="bg1"/>
                </a:solidFill>
                <a:latin typeface="AmplitudeTF" panose="02000506050000020004" pitchFamily="50" charset="0"/>
              </a:endParaRPr>
            </a:p>
          </p:txBody>
        </p:sp>
        <p:sp>
          <p:nvSpPr>
            <p:cNvPr id="32" name="TextBox 31">
              <a:extLst>
                <a:ext uri="{FF2B5EF4-FFF2-40B4-BE49-F238E27FC236}">
                  <a16:creationId xmlns:a16="http://schemas.microsoft.com/office/drawing/2014/main" id="{9A04C6A0-D926-4BC9-8D0B-D2248AA0AD60}"/>
                </a:ext>
              </a:extLst>
            </p:cNvPr>
            <p:cNvSpPr txBox="1"/>
            <p:nvPr/>
          </p:nvSpPr>
          <p:spPr>
            <a:xfrm>
              <a:off x="4884155" y="1947241"/>
              <a:ext cx="1399107" cy="262891"/>
            </a:xfrm>
            <a:prstGeom prst="rect">
              <a:avLst/>
            </a:prstGeom>
            <a:noFill/>
          </p:spPr>
          <p:txBody>
            <a:bodyPr wrap="square" rtlCol="0" anchor="ctr">
              <a:spAutoFit/>
            </a:bodyPr>
            <a:lstStyle/>
            <a:p>
              <a:pPr algn="ctr" fontAlgn="t"/>
              <a:r>
                <a:rPr lang="en-US" sz="1200" b="1" dirty="0">
                  <a:solidFill>
                    <a:schemeClr val="bg1"/>
                  </a:solidFill>
                  <a:latin typeface="AmplitudeTF" panose="02000506050000020004" pitchFamily="50" charset="0"/>
                </a:rPr>
                <a:t>FUNCTIONAL RICHNESS</a:t>
              </a:r>
              <a:endParaRPr lang="en-US" sz="1200" dirty="0">
                <a:solidFill>
                  <a:schemeClr val="bg1"/>
                </a:solidFill>
                <a:latin typeface="AmplitudeTF" panose="02000506050000020004" pitchFamily="50" charset="0"/>
              </a:endParaRPr>
            </a:p>
          </p:txBody>
        </p:sp>
      </p:grpSp>
      <p:sp>
        <p:nvSpPr>
          <p:cNvPr id="37" name="Rectangle 36">
            <a:extLst>
              <a:ext uri="{FF2B5EF4-FFF2-40B4-BE49-F238E27FC236}">
                <a16:creationId xmlns:a16="http://schemas.microsoft.com/office/drawing/2014/main" id="{E3C1E7A9-43D8-4648-8D44-4D3BFBA8B62A}"/>
              </a:ext>
            </a:extLst>
          </p:cNvPr>
          <p:cNvSpPr/>
          <p:nvPr/>
        </p:nvSpPr>
        <p:spPr>
          <a:xfrm>
            <a:off x="581816" y="7333808"/>
            <a:ext cx="9778771" cy="246221"/>
          </a:xfrm>
          <a:prstGeom prst="rect">
            <a:avLst/>
          </a:prstGeom>
        </p:spPr>
        <p:txBody>
          <a:bodyPr wrap="square">
            <a:spAutoFit/>
          </a:bodyPr>
          <a:lstStyle/>
          <a:p>
            <a:r>
              <a:rPr lang="en-US" sz="1000" dirty="0">
                <a:solidFill>
                  <a:schemeClr val="tx2"/>
                </a:solidFill>
                <a:latin typeface="AmplitudeTF" panose="02000506050000020004" pitchFamily="50" charset="0"/>
              </a:rPr>
              <a:t>Note: This is just a sample of hundreds of Learning Management Systems that exist on the market. Please research LMS options that may best fit your organization and use case.</a:t>
            </a:r>
            <a:endParaRPr lang="en-US" sz="1000" dirty="0">
              <a:latin typeface="AmplitudeTF" panose="02000506050000020004" pitchFamily="50" charset="0"/>
            </a:endParaRPr>
          </a:p>
        </p:txBody>
      </p:sp>
    </p:spTree>
    <p:custDataLst>
      <p:tags r:id="rId1"/>
    </p:custDataLst>
    <p:extLst>
      <p:ext uri="{BB962C8B-B14F-4D97-AF65-F5344CB8AC3E}">
        <p14:creationId xmlns:p14="http://schemas.microsoft.com/office/powerpoint/2010/main" val="377015645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 name="Subtitle 5">
            <a:extLst>
              <a:ext uri="{FF2B5EF4-FFF2-40B4-BE49-F238E27FC236}">
                <a16:creationId xmlns:a16="http://schemas.microsoft.com/office/drawing/2014/main" id="{B70E1389-C353-4759-9257-DC962FC254FC}"/>
              </a:ext>
            </a:extLst>
          </p:cNvPr>
          <p:cNvSpPr>
            <a:spLocks noGrp="1"/>
          </p:cNvSpPr>
          <p:nvPr>
            <p:ph type="subTitle" idx="10"/>
          </p:nvPr>
        </p:nvSpPr>
        <p:spPr>
          <a:xfrm>
            <a:off x="694944" y="1408176"/>
            <a:ext cx="13249656" cy="384048"/>
          </a:xfrm>
        </p:spPr>
        <p:txBody>
          <a:bodyPr/>
          <a:lstStyle/>
          <a:p>
            <a:r>
              <a:rPr lang="en-US" dirty="0"/>
              <a:t>TIP: Many LMS software companies offer reduced or special rates for non-profit organizations. It never hurts to ask!</a:t>
            </a:r>
          </a:p>
        </p:txBody>
      </p:sp>
      <p:graphicFrame>
        <p:nvGraphicFramePr>
          <p:cNvPr id="30" name="Table 29">
            <a:extLst>
              <a:ext uri="{FF2B5EF4-FFF2-40B4-BE49-F238E27FC236}">
                <a16:creationId xmlns:a16="http://schemas.microsoft.com/office/drawing/2014/main" id="{A764FAB4-3F13-45ED-9BEF-6D70155D813E}"/>
              </a:ext>
            </a:extLst>
          </p:cNvPr>
          <p:cNvGraphicFramePr>
            <a:graphicFrameLocks noGrp="1"/>
          </p:cNvGraphicFramePr>
          <p:nvPr>
            <p:extLst>
              <p:ext uri="{D42A27DB-BD31-4B8C-83A1-F6EECF244321}">
                <p14:modId xmlns:p14="http://schemas.microsoft.com/office/powerpoint/2010/main" val="3346873941"/>
              </p:ext>
            </p:extLst>
          </p:nvPr>
        </p:nvGraphicFramePr>
        <p:xfrm>
          <a:off x="595464" y="2496530"/>
          <a:ext cx="13349136" cy="4453668"/>
        </p:xfrm>
        <a:graphic>
          <a:graphicData uri="http://schemas.openxmlformats.org/drawingml/2006/table">
            <a:tbl>
              <a:tblPr firstRow="1" bandRow="1">
                <a:tableStyleId>{5C22544A-7EE6-4342-B048-85BDC9FD1C3A}</a:tableStyleId>
              </a:tblPr>
              <a:tblGrid>
                <a:gridCol w="1582159">
                  <a:extLst>
                    <a:ext uri="{9D8B030D-6E8A-4147-A177-3AD203B41FA5}">
                      <a16:colId xmlns:a16="http://schemas.microsoft.com/office/drawing/2014/main" val="20000"/>
                    </a:ext>
                  </a:extLst>
                </a:gridCol>
                <a:gridCol w="1797440">
                  <a:extLst>
                    <a:ext uri="{9D8B030D-6E8A-4147-A177-3AD203B41FA5}">
                      <a16:colId xmlns:a16="http://schemas.microsoft.com/office/drawing/2014/main" val="20001"/>
                    </a:ext>
                  </a:extLst>
                </a:gridCol>
                <a:gridCol w="2544072">
                  <a:extLst>
                    <a:ext uri="{9D8B030D-6E8A-4147-A177-3AD203B41FA5}">
                      <a16:colId xmlns:a16="http://schemas.microsoft.com/office/drawing/2014/main" val="20002"/>
                    </a:ext>
                  </a:extLst>
                </a:gridCol>
                <a:gridCol w="1329559">
                  <a:extLst>
                    <a:ext uri="{9D8B030D-6E8A-4147-A177-3AD203B41FA5}">
                      <a16:colId xmlns:a16="http://schemas.microsoft.com/office/drawing/2014/main" val="20003"/>
                    </a:ext>
                  </a:extLst>
                </a:gridCol>
                <a:gridCol w="2591822">
                  <a:extLst>
                    <a:ext uri="{9D8B030D-6E8A-4147-A177-3AD203B41FA5}">
                      <a16:colId xmlns:a16="http://schemas.microsoft.com/office/drawing/2014/main" val="20004"/>
                    </a:ext>
                  </a:extLst>
                </a:gridCol>
                <a:gridCol w="2069589">
                  <a:extLst>
                    <a:ext uri="{9D8B030D-6E8A-4147-A177-3AD203B41FA5}">
                      <a16:colId xmlns:a16="http://schemas.microsoft.com/office/drawing/2014/main" val="20005"/>
                    </a:ext>
                  </a:extLst>
                </a:gridCol>
                <a:gridCol w="1434495">
                  <a:extLst>
                    <a:ext uri="{9D8B030D-6E8A-4147-A177-3AD203B41FA5}">
                      <a16:colId xmlns:a16="http://schemas.microsoft.com/office/drawing/2014/main" val="20006"/>
                    </a:ext>
                  </a:extLst>
                </a:gridCol>
              </a:tblGrid>
              <a:tr h="1057230">
                <a:tc>
                  <a:txBody>
                    <a:bodyPr/>
                    <a:lstStyle/>
                    <a:p>
                      <a:pPr algn="ctr"/>
                      <a:r>
                        <a:rPr lang="en-US" sz="1100" b="1" i="1" dirty="0">
                          <a:solidFill>
                            <a:schemeClr val="bg1"/>
                          </a:solidFill>
                          <a:latin typeface="AmplitudeTF" panose="02000506050000020004" pitchFamily="50" charset="0"/>
                          <a:cs typeface="Arial" panose="020B0604020202020204" pitchFamily="34" charset="0"/>
                        </a:rPr>
                        <a:t>Definition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Basic information on the LMS tool</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Takes into consideration time to market, what type of skills are required to implement and support, ease of user interface, ease of creating conten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Multi-platform support: Mobile, tablet, personal computer</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What is the extent of the products capabilities to customize learning paths, tip sheets, online videos, knowledge checks/ testing, self-directed learning, multi-lingual, gamification?</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1" i="1" dirty="0">
                          <a:solidFill>
                            <a:schemeClr val="bg1"/>
                          </a:solidFill>
                          <a:latin typeface="AmplitudeTF" panose="02000506050000020004" pitchFamily="50" charset="0"/>
                          <a:cs typeface="Arial" panose="020B0604020202020204" pitchFamily="34" charset="0"/>
                        </a:rPr>
                        <a:t>User tracking and reporting &amp; analytic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ctr"/>
                      <a:r>
                        <a:rPr lang="en-US" sz="1100" b="1" i="1" dirty="0">
                          <a:solidFill>
                            <a:schemeClr val="bg1"/>
                          </a:solidFill>
                          <a:latin typeface="AmplitudeTF" panose="02000506050000020004" pitchFamily="50" charset="0"/>
                          <a:cs typeface="Arial" panose="020B0604020202020204" pitchFamily="34" charset="0"/>
                        </a:rPr>
                        <a:t>What are some of the cost considerations (licensing, infrastructure, suppor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extLst>
                  <a:ext uri="{0D108BD9-81ED-4DB2-BD59-A6C34878D82A}">
                    <a16:rowId xmlns:a16="http://schemas.microsoft.com/office/drawing/2014/main" val="10000"/>
                  </a:ext>
                </a:extLst>
              </a:tr>
              <a:tr h="950001">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hlinkClick r:id="rId3"/>
                        </a:rPr>
                        <a:t>Moodle</a:t>
                      </a:r>
                      <a:endParaRPr lang="en-US" sz="1100" b="0" i="0" dirty="0">
                        <a:solidFill>
                          <a:schemeClr val="tx2"/>
                        </a:solidFill>
                        <a:latin typeface="AmplitudeTF" panose="02000506050000020004" pitchFamily="50" charset="0"/>
                        <a:cs typeface="Arial" panose="020B0604020202020204" pitchFamily="34" charset="0"/>
                      </a:endParaRPr>
                    </a:p>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Open Sourc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Moodle states they are "the world's most popular learning management system".</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Low complexity, extensive support network, easy to create content, extensive existing conten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Multi-platform support: Mobile, tablet, personal computer</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xtensive customization option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xtensive available tracking</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No cost for licensing or support, possible costs for infrastructur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10001"/>
                  </a:ext>
                </a:extLst>
              </a:tr>
              <a:tr h="791570">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hlinkClick r:id="rId4"/>
                        </a:rPr>
                        <a:t>Open edX</a:t>
                      </a:r>
                      <a:endParaRPr lang="en-US" sz="1100" b="0" i="0" dirty="0">
                        <a:solidFill>
                          <a:schemeClr val="tx2"/>
                        </a:solidFill>
                        <a:latin typeface="AmplitudeTF" panose="02000506050000020004" pitchFamily="50" charset="0"/>
                        <a:cs typeface="Arial" panose="020B0604020202020204" pitchFamily="34" charset="0"/>
                      </a:endParaRPr>
                    </a:p>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Open Sourc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Open EDX aims to "deliver inspiring learning experiences on any scal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Low complexity, extensive support network, easy to create content, extensive existing conten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Web-based only</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xtensive customization options, integration with other system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Available tracking</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Contact Open edX for licensing fee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10002"/>
                  </a:ext>
                </a:extLst>
              </a:tr>
              <a:tr h="696036">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hlinkClick r:id="rId5"/>
                        </a:rPr>
                        <a:t>Schoology</a:t>
                      </a:r>
                      <a:endParaRPr lang="en-US" sz="1100" b="0" i="0" dirty="0">
                        <a:solidFill>
                          <a:schemeClr val="tx2"/>
                        </a:solidFill>
                        <a:latin typeface="AmplitudeTF" panose="02000506050000020004" pitchFamily="50" charset="0"/>
                        <a:cs typeface="Arial" panose="020B0604020202020204" pitchFamily="34" charset="0"/>
                      </a:endParaRP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Through their PowerSchool, Schoology is "supporting over 45 million students in over 80 countrie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Higher complexity to implement and support, simple interface</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Multi-platform support: Mobile, tablet, personal computer</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xtensive customization options, integration with other system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Available tracking</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Contact Schoology for licensing fee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10003"/>
                  </a:ext>
                </a:extLst>
              </a:tr>
              <a:tr h="913827">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hlinkClick r:id="rId6"/>
                        </a:rPr>
                        <a:t>TalentLMS</a:t>
                      </a:r>
                      <a:endParaRPr lang="en-US" sz="1100" b="0" i="0" dirty="0">
                        <a:solidFill>
                          <a:schemeClr val="tx2"/>
                        </a:solidFill>
                        <a:latin typeface="AmplitudeTF" panose="02000506050000020004" pitchFamily="50" charset="0"/>
                        <a:cs typeface="Arial" panose="020B0604020202020204" pitchFamily="34" charset="0"/>
                      </a:endParaRP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TalentLMS is all about "ease and convenience“ and  promises "effective eLearning".</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Low complexity, extensive support network, easy to create content, extensive existing content</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Multi-platform support: Mobile, tablet, personal computer</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Extensive customization options, integration with other systems</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Available tracking</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b="0" i="0" dirty="0">
                          <a:solidFill>
                            <a:schemeClr val="tx2"/>
                          </a:solidFill>
                          <a:latin typeface="AmplitudeTF" panose="02000506050000020004" pitchFamily="50" charset="0"/>
                          <a:cs typeface="Arial" panose="020B0604020202020204" pitchFamily="34" charset="0"/>
                        </a:rPr>
                        <a:t>Monthly fees for service, infrastructure included</a:t>
                      </a:r>
                    </a:p>
                  </a:txBody>
                  <a:tcPr marL="70479" marR="70479" marT="35240" marB="35240" anchor="ct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2">
                        <a:lumMod val="20000"/>
                        <a:lumOff val="80000"/>
                      </a:schemeClr>
                    </a:solidFill>
                  </a:tcPr>
                </a:tc>
                <a:extLst>
                  <a:ext uri="{0D108BD9-81ED-4DB2-BD59-A6C34878D82A}">
                    <a16:rowId xmlns:a16="http://schemas.microsoft.com/office/drawing/2014/main" val="1609426767"/>
                  </a:ext>
                </a:extLst>
              </a:tr>
            </a:tbl>
          </a:graphicData>
        </a:graphic>
      </p:graphicFrame>
      <p:grpSp>
        <p:nvGrpSpPr>
          <p:cNvPr id="31" name="Group 30">
            <a:extLst>
              <a:ext uri="{FF2B5EF4-FFF2-40B4-BE49-F238E27FC236}">
                <a16:creationId xmlns:a16="http://schemas.microsoft.com/office/drawing/2014/main" id="{F6C73FAC-35EB-43C2-ACEA-7B06D55E430E}"/>
              </a:ext>
            </a:extLst>
          </p:cNvPr>
          <p:cNvGrpSpPr/>
          <p:nvPr/>
        </p:nvGrpSpPr>
        <p:grpSpPr>
          <a:xfrm>
            <a:off x="581816" y="1753664"/>
            <a:ext cx="13362783" cy="722376"/>
            <a:chOff x="477838" y="1755479"/>
            <a:chExt cx="7968429" cy="685585"/>
          </a:xfrm>
        </p:grpSpPr>
        <p:sp>
          <p:nvSpPr>
            <p:cNvPr id="34" name="Rectangle 33">
              <a:extLst>
                <a:ext uri="{FF2B5EF4-FFF2-40B4-BE49-F238E27FC236}">
                  <a16:creationId xmlns:a16="http://schemas.microsoft.com/office/drawing/2014/main" id="{D5FB11B1-C507-4758-832F-C9552E391F3F}"/>
                </a:ext>
              </a:extLst>
            </p:cNvPr>
            <p:cNvSpPr/>
            <p:nvPr/>
          </p:nvSpPr>
          <p:spPr>
            <a:xfrm>
              <a:off x="4814198" y="2347424"/>
              <a:ext cx="1539019"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35" name="Rectangle 34">
              <a:extLst>
                <a:ext uri="{FF2B5EF4-FFF2-40B4-BE49-F238E27FC236}">
                  <a16:creationId xmlns:a16="http://schemas.microsoft.com/office/drawing/2014/main" id="{2AE67E3E-30C5-4E77-8D29-711E14396F69}"/>
                </a:ext>
              </a:extLst>
            </p:cNvPr>
            <p:cNvSpPr/>
            <p:nvPr/>
          </p:nvSpPr>
          <p:spPr>
            <a:xfrm>
              <a:off x="4814198" y="1755479"/>
              <a:ext cx="1539019" cy="646415"/>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36" name="Rectangle 35">
              <a:extLst>
                <a:ext uri="{FF2B5EF4-FFF2-40B4-BE49-F238E27FC236}">
                  <a16:creationId xmlns:a16="http://schemas.microsoft.com/office/drawing/2014/main" id="{AF9D8A11-DBE4-436B-B549-D1C347AC56C2}"/>
                </a:ext>
              </a:extLst>
            </p:cNvPr>
            <p:cNvSpPr/>
            <p:nvPr/>
          </p:nvSpPr>
          <p:spPr>
            <a:xfrm>
              <a:off x="477838" y="2347424"/>
              <a:ext cx="939724"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37" name="Rectangle 36">
              <a:extLst>
                <a:ext uri="{FF2B5EF4-FFF2-40B4-BE49-F238E27FC236}">
                  <a16:creationId xmlns:a16="http://schemas.microsoft.com/office/drawing/2014/main" id="{2478479B-226B-42AA-A15B-D85F4BD6675E}"/>
                </a:ext>
              </a:extLst>
            </p:cNvPr>
            <p:cNvSpPr/>
            <p:nvPr/>
          </p:nvSpPr>
          <p:spPr>
            <a:xfrm>
              <a:off x="477838" y="1755479"/>
              <a:ext cx="939724" cy="646415"/>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38" name="TextBox 37">
              <a:extLst>
                <a:ext uri="{FF2B5EF4-FFF2-40B4-BE49-F238E27FC236}">
                  <a16:creationId xmlns:a16="http://schemas.microsoft.com/office/drawing/2014/main" id="{2EB774E8-B2C0-4D4D-8D15-03DF43430CF9}"/>
                </a:ext>
              </a:extLst>
            </p:cNvPr>
            <p:cNvSpPr txBox="1"/>
            <p:nvPr/>
          </p:nvSpPr>
          <p:spPr>
            <a:xfrm>
              <a:off x="477839" y="1859611"/>
              <a:ext cx="939723" cy="438152"/>
            </a:xfrm>
            <a:prstGeom prst="rect">
              <a:avLst/>
            </a:prstGeom>
            <a:noFill/>
          </p:spPr>
          <p:txBody>
            <a:bodyPr wrap="square" rtlCol="0" anchor="ctr">
              <a:spAutoFit/>
            </a:bodyPr>
            <a:lstStyle/>
            <a:p>
              <a:pPr algn="ctr"/>
              <a:r>
                <a:rPr lang="en-US" sz="1200" b="1" dirty="0">
                  <a:solidFill>
                    <a:schemeClr val="bg1"/>
                  </a:solidFill>
                  <a:latin typeface="AmplitudeTF" panose="02000506050000020004" pitchFamily="50" charset="0"/>
                </a:rPr>
                <a:t>Learning Management System</a:t>
              </a:r>
              <a:endParaRPr lang="en-US" sz="1200" dirty="0">
                <a:solidFill>
                  <a:schemeClr val="bg1"/>
                </a:solidFill>
                <a:latin typeface="AmplitudeTF" panose="02000506050000020004" pitchFamily="50" charset="0"/>
              </a:endParaRPr>
            </a:p>
          </p:txBody>
        </p:sp>
        <p:sp>
          <p:nvSpPr>
            <p:cNvPr id="39" name="Rectangle 38">
              <a:extLst>
                <a:ext uri="{FF2B5EF4-FFF2-40B4-BE49-F238E27FC236}">
                  <a16:creationId xmlns:a16="http://schemas.microsoft.com/office/drawing/2014/main" id="{EB25E0F1-6826-4E56-8D3C-907D357A0EB2}"/>
                </a:ext>
              </a:extLst>
            </p:cNvPr>
            <p:cNvSpPr/>
            <p:nvPr/>
          </p:nvSpPr>
          <p:spPr>
            <a:xfrm>
              <a:off x="1427002" y="2347424"/>
              <a:ext cx="1065142"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40" name="Rectangle 39">
              <a:extLst>
                <a:ext uri="{FF2B5EF4-FFF2-40B4-BE49-F238E27FC236}">
                  <a16:creationId xmlns:a16="http://schemas.microsoft.com/office/drawing/2014/main" id="{521FAA15-A735-4509-A4B2-2DEAAEF3A489}"/>
                </a:ext>
              </a:extLst>
            </p:cNvPr>
            <p:cNvSpPr/>
            <p:nvPr/>
          </p:nvSpPr>
          <p:spPr>
            <a:xfrm>
              <a:off x="1427002" y="1755479"/>
              <a:ext cx="1065142" cy="646415"/>
            </a:xfrm>
            <a:prstGeom prst="rect">
              <a:avLst/>
            </a:prstGeom>
            <a:solidFill>
              <a:schemeClr val="bg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41" name="TextBox 40">
              <a:extLst>
                <a:ext uri="{FF2B5EF4-FFF2-40B4-BE49-F238E27FC236}">
                  <a16:creationId xmlns:a16="http://schemas.microsoft.com/office/drawing/2014/main" id="{638B70E3-87FE-487F-95E9-90F8B990002C}"/>
                </a:ext>
              </a:extLst>
            </p:cNvPr>
            <p:cNvSpPr txBox="1"/>
            <p:nvPr/>
          </p:nvSpPr>
          <p:spPr>
            <a:xfrm>
              <a:off x="1417562" y="1947241"/>
              <a:ext cx="1065141" cy="262891"/>
            </a:xfrm>
            <a:prstGeom prst="rect">
              <a:avLst/>
            </a:prstGeom>
            <a:noFill/>
          </p:spPr>
          <p:txBody>
            <a:bodyPr wrap="square" rtlCol="0" anchor="ctr">
              <a:spAutoFit/>
            </a:bodyPr>
            <a:lstStyle/>
            <a:p>
              <a:pPr algn="ctr"/>
              <a:r>
                <a:rPr lang="en-US" sz="1200" b="1" dirty="0">
                  <a:solidFill>
                    <a:schemeClr val="bg1"/>
                  </a:solidFill>
                  <a:latin typeface="AmplitudeTF" panose="02000506050000020004" pitchFamily="50" charset="0"/>
                </a:rPr>
                <a:t>OVERVIEW</a:t>
              </a:r>
              <a:endParaRPr lang="en-US" sz="1200" dirty="0">
                <a:solidFill>
                  <a:schemeClr val="bg1"/>
                </a:solidFill>
                <a:latin typeface="AmplitudeTF" panose="02000506050000020004" pitchFamily="50" charset="0"/>
              </a:endParaRPr>
            </a:p>
          </p:txBody>
        </p:sp>
        <p:sp>
          <p:nvSpPr>
            <p:cNvPr id="42" name="Rectangle 41">
              <a:extLst>
                <a:ext uri="{FF2B5EF4-FFF2-40B4-BE49-F238E27FC236}">
                  <a16:creationId xmlns:a16="http://schemas.microsoft.com/office/drawing/2014/main" id="{48663701-C110-4FBE-882A-05178BE96A75}"/>
                </a:ext>
              </a:extLst>
            </p:cNvPr>
            <p:cNvSpPr/>
            <p:nvPr/>
          </p:nvSpPr>
          <p:spPr>
            <a:xfrm>
              <a:off x="2501583" y="2347424"/>
              <a:ext cx="1509340"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43" name="Rectangle 42">
              <a:extLst>
                <a:ext uri="{FF2B5EF4-FFF2-40B4-BE49-F238E27FC236}">
                  <a16:creationId xmlns:a16="http://schemas.microsoft.com/office/drawing/2014/main" id="{1610FD72-94E1-43A8-86DB-C3803F208CD6}"/>
                </a:ext>
              </a:extLst>
            </p:cNvPr>
            <p:cNvSpPr/>
            <p:nvPr/>
          </p:nvSpPr>
          <p:spPr>
            <a:xfrm>
              <a:off x="2501583" y="1755479"/>
              <a:ext cx="1509340" cy="646415"/>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44" name="TextBox 43">
              <a:extLst>
                <a:ext uri="{FF2B5EF4-FFF2-40B4-BE49-F238E27FC236}">
                  <a16:creationId xmlns:a16="http://schemas.microsoft.com/office/drawing/2014/main" id="{F40CA826-6F85-4080-A5C3-F5847E6DC4DF}"/>
                </a:ext>
              </a:extLst>
            </p:cNvPr>
            <p:cNvSpPr txBox="1"/>
            <p:nvPr/>
          </p:nvSpPr>
          <p:spPr>
            <a:xfrm>
              <a:off x="2426117" y="1947241"/>
              <a:ext cx="1660272" cy="262891"/>
            </a:xfrm>
            <a:prstGeom prst="rect">
              <a:avLst/>
            </a:prstGeom>
            <a:noFill/>
          </p:spPr>
          <p:txBody>
            <a:bodyPr wrap="square" rtlCol="0" anchor="ctr">
              <a:spAutoFit/>
            </a:bodyPr>
            <a:lstStyle/>
            <a:p>
              <a:pPr algn="ctr" fontAlgn="t"/>
              <a:r>
                <a:rPr lang="en-US" sz="1200" b="1" dirty="0">
                  <a:solidFill>
                    <a:schemeClr val="bg1"/>
                  </a:solidFill>
                  <a:latin typeface="AmplitudeTF" panose="02000506050000020004" pitchFamily="50" charset="0"/>
                </a:rPr>
                <a:t>COMPLEXITY</a:t>
              </a:r>
              <a:endParaRPr lang="en-US" sz="1200" dirty="0">
                <a:solidFill>
                  <a:schemeClr val="bg1"/>
                </a:solidFill>
                <a:latin typeface="AmplitudeTF" panose="02000506050000020004" pitchFamily="50" charset="0"/>
              </a:endParaRPr>
            </a:p>
          </p:txBody>
        </p:sp>
        <p:sp>
          <p:nvSpPr>
            <p:cNvPr id="45" name="Rectangle 44">
              <a:extLst>
                <a:ext uri="{FF2B5EF4-FFF2-40B4-BE49-F238E27FC236}">
                  <a16:creationId xmlns:a16="http://schemas.microsoft.com/office/drawing/2014/main" id="{EB6F6695-DFD0-4824-B885-991308EBDFCB}"/>
                </a:ext>
              </a:extLst>
            </p:cNvPr>
            <p:cNvSpPr/>
            <p:nvPr/>
          </p:nvSpPr>
          <p:spPr>
            <a:xfrm>
              <a:off x="4020362" y="2347424"/>
              <a:ext cx="784397"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46" name="Rectangle 45">
              <a:extLst>
                <a:ext uri="{FF2B5EF4-FFF2-40B4-BE49-F238E27FC236}">
                  <a16:creationId xmlns:a16="http://schemas.microsoft.com/office/drawing/2014/main" id="{543F2177-8C34-4D55-BD3A-C43877A76C94}"/>
                </a:ext>
              </a:extLst>
            </p:cNvPr>
            <p:cNvSpPr/>
            <p:nvPr/>
          </p:nvSpPr>
          <p:spPr>
            <a:xfrm>
              <a:off x="4020362" y="1755479"/>
              <a:ext cx="784397" cy="646415"/>
            </a:xfrm>
            <a:prstGeom prst="rect">
              <a:avLst/>
            </a:prstGeom>
            <a:solidFill>
              <a:schemeClr val="bg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47" name="TextBox 46">
              <a:extLst>
                <a:ext uri="{FF2B5EF4-FFF2-40B4-BE49-F238E27FC236}">
                  <a16:creationId xmlns:a16="http://schemas.microsoft.com/office/drawing/2014/main" id="{AE979D85-4D90-4905-A459-0A7113248BC1}"/>
                </a:ext>
              </a:extLst>
            </p:cNvPr>
            <p:cNvSpPr txBox="1"/>
            <p:nvPr/>
          </p:nvSpPr>
          <p:spPr>
            <a:xfrm>
              <a:off x="4020363" y="1947241"/>
              <a:ext cx="784396" cy="262891"/>
            </a:xfrm>
            <a:prstGeom prst="rect">
              <a:avLst/>
            </a:prstGeom>
            <a:noFill/>
          </p:spPr>
          <p:txBody>
            <a:bodyPr wrap="square" rtlCol="0" anchor="ctr">
              <a:spAutoFit/>
            </a:bodyPr>
            <a:lstStyle/>
            <a:p>
              <a:pPr algn="ctr"/>
              <a:r>
                <a:rPr lang="en-US" sz="1200" b="1" dirty="0">
                  <a:solidFill>
                    <a:schemeClr val="bg1"/>
                  </a:solidFill>
                  <a:latin typeface="AmplitudeTF" panose="02000506050000020004" pitchFamily="50" charset="0"/>
                </a:rPr>
                <a:t>FLEXIBILITY</a:t>
              </a:r>
              <a:endParaRPr lang="en-US" sz="1200" dirty="0">
                <a:solidFill>
                  <a:schemeClr val="bg1"/>
                </a:solidFill>
                <a:latin typeface="AmplitudeTF" panose="02000506050000020004" pitchFamily="50" charset="0"/>
              </a:endParaRPr>
            </a:p>
          </p:txBody>
        </p:sp>
        <p:sp>
          <p:nvSpPr>
            <p:cNvPr id="48" name="Rectangle 47">
              <a:extLst>
                <a:ext uri="{FF2B5EF4-FFF2-40B4-BE49-F238E27FC236}">
                  <a16:creationId xmlns:a16="http://schemas.microsoft.com/office/drawing/2014/main" id="{FFD44811-5DF6-4482-A5BA-9876A65EBABE}"/>
                </a:ext>
              </a:extLst>
            </p:cNvPr>
            <p:cNvSpPr/>
            <p:nvPr/>
          </p:nvSpPr>
          <p:spPr>
            <a:xfrm>
              <a:off x="6362656" y="2347424"/>
              <a:ext cx="1223158"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49" name="Rectangle 48">
              <a:extLst>
                <a:ext uri="{FF2B5EF4-FFF2-40B4-BE49-F238E27FC236}">
                  <a16:creationId xmlns:a16="http://schemas.microsoft.com/office/drawing/2014/main" id="{39783B66-D5AA-4EEB-847E-D5BF1B82E5E4}"/>
                </a:ext>
              </a:extLst>
            </p:cNvPr>
            <p:cNvSpPr/>
            <p:nvPr/>
          </p:nvSpPr>
          <p:spPr>
            <a:xfrm>
              <a:off x="6362656" y="1755479"/>
              <a:ext cx="1223158" cy="646415"/>
            </a:xfrm>
            <a:prstGeom prst="rect">
              <a:avLst/>
            </a:prstGeom>
            <a:solidFill>
              <a:schemeClr val="bg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50" name="TextBox 49">
              <a:extLst>
                <a:ext uri="{FF2B5EF4-FFF2-40B4-BE49-F238E27FC236}">
                  <a16:creationId xmlns:a16="http://schemas.microsoft.com/office/drawing/2014/main" id="{89393F70-23FE-4208-A2C0-07957A53AA1B}"/>
                </a:ext>
              </a:extLst>
            </p:cNvPr>
            <p:cNvSpPr txBox="1"/>
            <p:nvPr/>
          </p:nvSpPr>
          <p:spPr>
            <a:xfrm>
              <a:off x="6362657" y="1947241"/>
              <a:ext cx="1223157" cy="262891"/>
            </a:xfrm>
            <a:prstGeom prst="rect">
              <a:avLst/>
            </a:prstGeom>
            <a:noFill/>
          </p:spPr>
          <p:txBody>
            <a:bodyPr wrap="square" rtlCol="0" anchor="ctr">
              <a:spAutoFit/>
            </a:bodyPr>
            <a:lstStyle/>
            <a:p>
              <a:pPr algn="ctr" fontAlgn="t"/>
              <a:r>
                <a:rPr lang="en-US" sz="1200" b="1" dirty="0">
                  <a:solidFill>
                    <a:schemeClr val="bg1"/>
                  </a:solidFill>
                  <a:latin typeface="AmplitudeTF" panose="02000506050000020004" pitchFamily="50" charset="0"/>
                </a:rPr>
                <a:t>COMPLIANCE</a:t>
              </a:r>
              <a:endParaRPr lang="en-US" sz="1200" dirty="0">
                <a:solidFill>
                  <a:schemeClr val="bg1"/>
                </a:solidFill>
                <a:latin typeface="AmplitudeTF" panose="02000506050000020004" pitchFamily="50" charset="0"/>
              </a:endParaRPr>
            </a:p>
          </p:txBody>
        </p:sp>
        <p:sp>
          <p:nvSpPr>
            <p:cNvPr id="51" name="Rectangle 50">
              <a:extLst>
                <a:ext uri="{FF2B5EF4-FFF2-40B4-BE49-F238E27FC236}">
                  <a16:creationId xmlns:a16="http://schemas.microsoft.com/office/drawing/2014/main" id="{31E95571-1E58-4091-AB23-D5F9166BF976}"/>
                </a:ext>
              </a:extLst>
            </p:cNvPr>
            <p:cNvSpPr/>
            <p:nvPr/>
          </p:nvSpPr>
          <p:spPr>
            <a:xfrm>
              <a:off x="7595254" y="2347424"/>
              <a:ext cx="851013" cy="9364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52" name="Rectangle 51">
              <a:extLst>
                <a:ext uri="{FF2B5EF4-FFF2-40B4-BE49-F238E27FC236}">
                  <a16:creationId xmlns:a16="http://schemas.microsoft.com/office/drawing/2014/main" id="{4CAFAF89-4CD7-4D2A-95FB-7776A15C29C3}"/>
                </a:ext>
              </a:extLst>
            </p:cNvPr>
            <p:cNvSpPr/>
            <p:nvPr/>
          </p:nvSpPr>
          <p:spPr>
            <a:xfrm>
              <a:off x="7595254" y="1755479"/>
              <a:ext cx="851013" cy="646415"/>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dirty="0">
                <a:solidFill>
                  <a:schemeClr val="bg1"/>
                </a:solidFill>
                <a:latin typeface="AmplitudeTF" panose="02000506050000020004" pitchFamily="50" charset="0"/>
              </a:endParaRPr>
            </a:p>
          </p:txBody>
        </p:sp>
        <p:sp>
          <p:nvSpPr>
            <p:cNvPr id="53" name="TextBox 52">
              <a:extLst>
                <a:ext uri="{FF2B5EF4-FFF2-40B4-BE49-F238E27FC236}">
                  <a16:creationId xmlns:a16="http://schemas.microsoft.com/office/drawing/2014/main" id="{75960551-6AFC-4F0A-B653-05ADD4102316}"/>
                </a:ext>
              </a:extLst>
            </p:cNvPr>
            <p:cNvSpPr txBox="1"/>
            <p:nvPr/>
          </p:nvSpPr>
          <p:spPr>
            <a:xfrm>
              <a:off x="7595255" y="1947241"/>
              <a:ext cx="851012" cy="262891"/>
            </a:xfrm>
            <a:prstGeom prst="rect">
              <a:avLst/>
            </a:prstGeom>
            <a:noFill/>
          </p:spPr>
          <p:txBody>
            <a:bodyPr wrap="square" rtlCol="0" anchor="ctr">
              <a:spAutoFit/>
            </a:bodyPr>
            <a:lstStyle/>
            <a:p>
              <a:pPr algn="ctr" fontAlgn="t"/>
              <a:r>
                <a:rPr lang="en-US" sz="1200" b="1" dirty="0">
                  <a:solidFill>
                    <a:schemeClr val="bg1"/>
                  </a:solidFill>
                  <a:latin typeface="AmplitudeTF" panose="02000506050000020004" pitchFamily="50" charset="0"/>
                </a:rPr>
                <a:t>COST </a:t>
              </a:r>
              <a:endParaRPr lang="en-US" sz="1200" dirty="0">
                <a:solidFill>
                  <a:schemeClr val="bg1"/>
                </a:solidFill>
                <a:latin typeface="AmplitudeTF" panose="02000506050000020004" pitchFamily="50" charset="0"/>
              </a:endParaRPr>
            </a:p>
          </p:txBody>
        </p:sp>
        <p:sp>
          <p:nvSpPr>
            <p:cNvPr id="54" name="TextBox 53">
              <a:extLst>
                <a:ext uri="{FF2B5EF4-FFF2-40B4-BE49-F238E27FC236}">
                  <a16:creationId xmlns:a16="http://schemas.microsoft.com/office/drawing/2014/main" id="{8B0807E9-FEED-480E-8192-6079FB12E932}"/>
                </a:ext>
              </a:extLst>
            </p:cNvPr>
            <p:cNvSpPr txBox="1"/>
            <p:nvPr/>
          </p:nvSpPr>
          <p:spPr>
            <a:xfrm>
              <a:off x="4884155" y="1947241"/>
              <a:ext cx="1399107" cy="262891"/>
            </a:xfrm>
            <a:prstGeom prst="rect">
              <a:avLst/>
            </a:prstGeom>
            <a:noFill/>
          </p:spPr>
          <p:txBody>
            <a:bodyPr wrap="square" rtlCol="0" anchor="ctr">
              <a:spAutoFit/>
            </a:bodyPr>
            <a:lstStyle/>
            <a:p>
              <a:pPr algn="ctr" fontAlgn="t"/>
              <a:r>
                <a:rPr lang="en-US" sz="1200" b="1" dirty="0">
                  <a:solidFill>
                    <a:schemeClr val="bg1"/>
                  </a:solidFill>
                  <a:latin typeface="AmplitudeTF" panose="02000506050000020004" pitchFamily="50" charset="0"/>
                </a:rPr>
                <a:t>FUNCTIONAL RICHNESS</a:t>
              </a:r>
              <a:endParaRPr lang="en-US" sz="1200" dirty="0">
                <a:solidFill>
                  <a:schemeClr val="bg1"/>
                </a:solidFill>
                <a:latin typeface="AmplitudeTF" panose="02000506050000020004" pitchFamily="50" charset="0"/>
              </a:endParaRPr>
            </a:p>
          </p:txBody>
        </p:sp>
      </p:grpSp>
      <p:sp>
        <p:nvSpPr>
          <p:cNvPr id="8" name="Rectangle 7">
            <a:extLst>
              <a:ext uri="{FF2B5EF4-FFF2-40B4-BE49-F238E27FC236}">
                <a16:creationId xmlns:a16="http://schemas.microsoft.com/office/drawing/2014/main" id="{64F615BF-4C0B-4B1D-BB3F-F62B40CE525C}"/>
              </a:ext>
            </a:extLst>
          </p:cNvPr>
          <p:cNvSpPr/>
          <p:nvPr/>
        </p:nvSpPr>
        <p:spPr>
          <a:xfrm>
            <a:off x="581816" y="7132874"/>
            <a:ext cx="9778771" cy="246221"/>
          </a:xfrm>
          <a:prstGeom prst="rect">
            <a:avLst/>
          </a:prstGeom>
        </p:spPr>
        <p:txBody>
          <a:bodyPr wrap="square">
            <a:spAutoFit/>
          </a:bodyPr>
          <a:lstStyle/>
          <a:p>
            <a:r>
              <a:rPr lang="en-US" sz="1000" dirty="0">
                <a:solidFill>
                  <a:schemeClr val="tx2"/>
                </a:solidFill>
                <a:latin typeface="AmplitudeTF" panose="02000506050000020004" pitchFamily="50" charset="0"/>
              </a:rPr>
              <a:t>Note: This is just a sample of hundreds of Learning Management Systems that exist on the market. Please research LMS options that may best fit your organization and use case.</a:t>
            </a:r>
            <a:endParaRPr lang="en-US" sz="1000" dirty="0">
              <a:latin typeface="AmplitudeTF" panose="02000506050000020004" pitchFamily="50" charset="0"/>
            </a:endParaRPr>
          </a:p>
        </p:txBody>
      </p:sp>
      <p:sp>
        <p:nvSpPr>
          <p:cNvPr id="56" name="Title 55">
            <a:extLst>
              <a:ext uri="{FF2B5EF4-FFF2-40B4-BE49-F238E27FC236}">
                <a16:creationId xmlns:a16="http://schemas.microsoft.com/office/drawing/2014/main" id="{FBAD4A00-5B87-495E-9CA2-0D2E01763FC5}"/>
              </a:ext>
            </a:extLst>
          </p:cNvPr>
          <p:cNvSpPr>
            <a:spLocks noGrp="1"/>
          </p:cNvSpPr>
          <p:nvPr>
            <p:ph type="title"/>
          </p:nvPr>
        </p:nvSpPr>
        <p:spPr/>
        <p:txBody>
          <a:bodyPr/>
          <a:lstStyle/>
          <a:p>
            <a:r>
              <a:rPr lang="en-US" sz="2800" dirty="0"/>
              <a:t>Learning Management Systems Comparison Matrix (Continued)</a:t>
            </a:r>
          </a:p>
        </p:txBody>
      </p:sp>
    </p:spTree>
    <p:custDataLst>
      <p:tags r:id="rId1"/>
    </p:custDataLst>
    <p:extLst>
      <p:ext uri="{BB962C8B-B14F-4D97-AF65-F5344CB8AC3E}">
        <p14:creationId xmlns:p14="http://schemas.microsoft.com/office/powerpoint/2010/main" val="3129523130"/>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14BA3529-2309-4057-95A2-63E6AD9168AC}"/>
              </a:ext>
            </a:extLst>
          </p:cNvPr>
          <p:cNvSpPr>
            <a:spLocks noGrp="1"/>
          </p:cNvSpPr>
          <p:nvPr>
            <p:ph type="title"/>
          </p:nvPr>
        </p:nvSpPr>
        <p:spPr/>
        <p:txBody>
          <a:bodyPr/>
          <a:lstStyle/>
          <a:p>
            <a:r>
              <a:rPr lang="en-US" sz="2800" dirty="0"/>
              <a:t>Change Management</a:t>
            </a:r>
          </a:p>
        </p:txBody>
      </p:sp>
      <p:sp>
        <p:nvSpPr>
          <p:cNvPr id="10" name="Content Placeholder 9">
            <a:extLst>
              <a:ext uri="{FF2B5EF4-FFF2-40B4-BE49-F238E27FC236}">
                <a16:creationId xmlns:a16="http://schemas.microsoft.com/office/drawing/2014/main" id="{6840AC60-8348-4A09-BF52-8BFE761C2648}"/>
              </a:ext>
            </a:extLst>
          </p:cNvPr>
          <p:cNvSpPr>
            <a:spLocks noGrp="1"/>
          </p:cNvSpPr>
          <p:nvPr>
            <p:ph sz="quarter" idx="12"/>
          </p:nvPr>
        </p:nvSpPr>
        <p:spPr>
          <a:xfrm>
            <a:off x="4526280" y="2153412"/>
            <a:ext cx="9418320" cy="4745736"/>
          </a:xfrm>
        </p:spPr>
        <p:txBody>
          <a:bodyPr/>
          <a:lstStyle/>
          <a:p>
            <a:r>
              <a:rPr lang="en-US" sz="1800" dirty="0"/>
              <a:t>While you are exploring different Learning Management Systems, it is important to secure buy-in from your various stakeholders and have a change management plan for transitioning to the LMS:</a:t>
            </a:r>
          </a:p>
          <a:p>
            <a:pPr marL="288925" indent="-285750">
              <a:buFont typeface="Arial" panose="020B0604020202020204" pitchFamily="34" charset="0"/>
              <a:buChar char="•"/>
            </a:pPr>
            <a:r>
              <a:rPr lang="en-US" sz="1800" dirty="0"/>
              <a:t>Identify your stakeholders and communicate why transitioning to an LMS will be advantageous to them. This includes securing buy-in from:</a:t>
            </a:r>
          </a:p>
          <a:p>
            <a:pPr marL="489077" lvl="1" indent="-285750">
              <a:buFont typeface="Wingdings" panose="05000000000000000000" pitchFamily="2" charset="2"/>
              <a:buChar char="§"/>
            </a:pPr>
            <a:r>
              <a:rPr lang="en-US" sz="1800" dirty="0"/>
              <a:t>Senior leaders</a:t>
            </a:r>
          </a:p>
          <a:p>
            <a:pPr marL="489077" lvl="1" indent="-285750">
              <a:buFont typeface="Wingdings" panose="05000000000000000000" pitchFamily="2" charset="2"/>
              <a:buChar char="§"/>
            </a:pPr>
            <a:r>
              <a:rPr lang="en-US" sz="1800" dirty="0"/>
              <a:t>Managers/Instructors/Administrators</a:t>
            </a:r>
          </a:p>
          <a:p>
            <a:pPr marL="489077" lvl="1" indent="-285750">
              <a:buFont typeface="Wingdings" panose="05000000000000000000" pitchFamily="2" charset="2"/>
              <a:buChar char="§"/>
            </a:pPr>
            <a:r>
              <a:rPr lang="en-US" sz="1800" dirty="0"/>
              <a:t>Learners</a:t>
            </a:r>
          </a:p>
          <a:p>
            <a:pPr marL="288925" indent="-285750">
              <a:buFont typeface="Arial" panose="020B0604020202020204" pitchFamily="34" charset="0"/>
              <a:buChar char="•"/>
            </a:pPr>
            <a:r>
              <a:rPr lang="en-US" sz="1800" dirty="0"/>
              <a:t>Involve end users in user testing and demo sessions as partners-in-change</a:t>
            </a:r>
          </a:p>
          <a:p>
            <a:pPr marL="288925" indent="-285750">
              <a:buFont typeface="Arial" panose="020B0604020202020204" pitchFamily="34" charset="0"/>
              <a:buChar char="•"/>
            </a:pPr>
            <a:r>
              <a:rPr lang="en-US" sz="1800" dirty="0"/>
              <a:t>Create clear user guides and conduct training sessions on use of Learning Management System</a:t>
            </a:r>
          </a:p>
          <a:p>
            <a:pPr marL="288925" indent="-285750">
              <a:buFont typeface="Arial" panose="020B0604020202020204" pitchFamily="34" charset="0"/>
              <a:buChar char="•"/>
            </a:pPr>
            <a:r>
              <a:rPr lang="en-US" sz="1800" dirty="0"/>
              <a:t>Share proof of success by collecting and reporting on data system usage and user feedback</a:t>
            </a:r>
          </a:p>
          <a:p>
            <a:pPr marL="288925" indent="-285750">
              <a:buFont typeface="Arial" panose="020B0604020202020204" pitchFamily="34" charset="0"/>
              <a:buChar char="•"/>
            </a:pPr>
            <a:r>
              <a:rPr lang="en-US" sz="1800" dirty="0"/>
              <a:t>Identify product owner(s) for the LMS who will help set standards and promote best practices for users on an ongoing basis</a:t>
            </a:r>
          </a:p>
          <a:p>
            <a:pPr marL="288925" indent="-285750">
              <a:buFont typeface="Arial" panose="020B0604020202020204" pitchFamily="34" charset="0"/>
              <a:buChar char="•"/>
            </a:pPr>
            <a:endParaRPr lang="en-US" sz="1800" dirty="0"/>
          </a:p>
          <a:p>
            <a:pPr marL="3175" indent="0"/>
            <a:endParaRPr lang="en-US" sz="1800" i="1" dirty="0"/>
          </a:p>
          <a:p>
            <a:pPr marL="288925" indent="-285750">
              <a:lnSpc>
                <a:spcPct val="100000"/>
              </a:lnSpc>
              <a:spcBef>
                <a:spcPts val="600"/>
              </a:spcBef>
              <a:buFont typeface="Arial" panose="020B0604020202020204" pitchFamily="34" charset="0"/>
              <a:buChar char="•"/>
            </a:pPr>
            <a:endParaRPr lang="en-US" sz="1800" dirty="0"/>
          </a:p>
          <a:p>
            <a:pPr marL="288925" indent="-285750">
              <a:buFont typeface="Arial" panose="020B0604020202020204" pitchFamily="34" charset="0"/>
              <a:buChar char="•"/>
            </a:pPr>
            <a:endParaRPr lang="en-US" sz="1800" i="1" dirty="0"/>
          </a:p>
        </p:txBody>
      </p:sp>
      <p:grpSp>
        <p:nvGrpSpPr>
          <p:cNvPr id="16" name="Group 15">
            <a:extLst>
              <a:ext uri="{FF2B5EF4-FFF2-40B4-BE49-F238E27FC236}">
                <a16:creationId xmlns:a16="http://schemas.microsoft.com/office/drawing/2014/main" id="{DFE26FA9-F7AA-47B8-993D-1A538EA1BD02}"/>
              </a:ext>
            </a:extLst>
          </p:cNvPr>
          <p:cNvGrpSpPr>
            <a:grpSpLocks/>
          </p:cNvGrpSpPr>
          <p:nvPr/>
        </p:nvGrpSpPr>
        <p:grpSpPr>
          <a:xfrm>
            <a:off x="985370" y="3032494"/>
            <a:ext cx="2656363" cy="2374392"/>
            <a:chOff x="7024688" y="5627688"/>
            <a:chExt cx="608013" cy="549275"/>
          </a:xfrm>
          <a:solidFill>
            <a:schemeClr val="accent1"/>
          </a:solidFill>
        </p:grpSpPr>
        <p:sp>
          <p:nvSpPr>
            <p:cNvPr id="17" name="Freeform 505">
              <a:extLst>
                <a:ext uri="{FF2B5EF4-FFF2-40B4-BE49-F238E27FC236}">
                  <a16:creationId xmlns:a16="http://schemas.microsoft.com/office/drawing/2014/main" id="{118999CA-73D2-4096-A681-C1DF6E72ACCE}"/>
                </a:ext>
              </a:extLst>
            </p:cNvPr>
            <p:cNvSpPr>
              <a:spLocks/>
            </p:cNvSpPr>
            <p:nvPr/>
          </p:nvSpPr>
          <p:spPr bwMode="auto">
            <a:xfrm>
              <a:off x="7326313" y="5932488"/>
              <a:ext cx="96838" cy="71438"/>
            </a:xfrm>
            <a:custGeom>
              <a:avLst/>
              <a:gdLst>
                <a:gd name="T0" fmla="*/ 9 w 50"/>
                <a:gd name="T1" fmla="*/ 13 h 36"/>
                <a:gd name="T2" fmla="*/ 2 w 50"/>
                <a:gd name="T3" fmla="*/ 12 h 36"/>
                <a:gd name="T4" fmla="*/ 2 w 50"/>
                <a:gd name="T5" fmla="*/ 19 h 36"/>
                <a:gd name="T6" fmla="*/ 15 w 50"/>
                <a:gd name="T7" fmla="*/ 36 h 36"/>
                <a:gd name="T8" fmla="*/ 47 w 50"/>
                <a:gd name="T9" fmla="*/ 10 h 36"/>
                <a:gd name="T10" fmla="*/ 48 w 50"/>
                <a:gd name="T11" fmla="*/ 3 h 36"/>
                <a:gd name="T12" fmla="*/ 41 w 50"/>
                <a:gd name="T13" fmla="*/ 2 h 36"/>
                <a:gd name="T14" fmla="*/ 17 w 50"/>
                <a:gd name="T15" fmla="*/ 22 h 36"/>
                <a:gd name="T16" fmla="*/ 9 w 50"/>
                <a:gd name="T17" fmla="*/ 13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50" h="36">
                  <a:moveTo>
                    <a:pt x="9" y="13"/>
                  </a:moveTo>
                  <a:cubicBezTo>
                    <a:pt x="7" y="11"/>
                    <a:pt x="4" y="10"/>
                    <a:pt x="2" y="12"/>
                  </a:cubicBezTo>
                  <a:cubicBezTo>
                    <a:pt x="0" y="14"/>
                    <a:pt x="0" y="17"/>
                    <a:pt x="2" y="19"/>
                  </a:cubicBezTo>
                  <a:cubicBezTo>
                    <a:pt x="15" y="36"/>
                    <a:pt x="15" y="36"/>
                    <a:pt x="15" y="36"/>
                  </a:cubicBezTo>
                  <a:cubicBezTo>
                    <a:pt x="47" y="10"/>
                    <a:pt x="47" y="10"/>
                    <a:pt x="47" y="10"/>
                  </a:cubicBezTo>
                  <a:cubicBezTo>
                    <a:pt x="50" y="8"/>
                    <a:pt x="50" y="5"/>
                    <a:pt x="48" y="3"/>
                  </a:cubicBezTo>
                  <a:cubicBezTo>
                    <a:pt x="46" y="1"/>
                    <a:pt x="43" y="0"/>
                    <a:pt x="41" y="2"/>
                  </a:cubicBezTo>
                  <a:cubicBezTo>
                    <a:pt x="17" y="22"/>
                    <a:pt x="17" y="22"/>
                    <a:pt x="17" y="22"/>
                  </a:cubicBezTo>
                  <a:lnTo>
                    <a:pt x="9" y="13"/>
                  </a:lnTo>
                  <a:close/>
                </a:path>
              </a:pathLst>
            </a:custGeom>
            <a:grpFill/>
            <a:ln w="9525">
              <a:solidFill>
                <a:schemeClr val="accent1"/>
              </a:solid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18" name="Freeform 506">
              <a:extLst>
                <a:ext uri="{FF2B5EF4-FFF2-40B4-BE49-F238E27FC236}">
                  <a16:creationId xmlns:a16="http://schemas.microsoft.com/office/drawing/2014/main" id="{BAA2751A-02AD-458E-A7CF-A4D83DF2A959}"/>
                </a:ext>
              </a:extLst>
            </p:cNvPr>
            <p:cNvSpPr>
              <a:spLocks noEditPoints="1"/>
            </p:cNvSpPr>
            <p:nvPr/>
          </p:nvSpPr>
          <p:spPr bwMode="auto">
            <a:xfrm>
              <a:off x="7291388" y="5884863"/>
              <a:ext cx="165100" cy="165100"/>
            </a:xfrm>
            <a:custGeom>
              <a:avLst/>
              <a:gdLst>
                <a:gd name="T0" fmla="*/ 0 w 85"/>
                <a:gd name="T1" fmla="*/ 43 h 85"/>
                <a:gd name="T2" fmla="*/ 43 w 85"/>
                <a:gd name="T3" fmla="*/ 85 h 85"/>
                <a:gd name="T4" fmla="*/ 85 w 85"/>
                <a:gd name="T5" fmla="*/ 43 h 85"/>
                <a:gd name="T6" fmla="*/ 43 w 85"/>
                <a:gd name="T7" fmla="*/ 0 h 85"/>
                <a:gd name="T8" fmla="*/ 0 w 85"/>
                <a:gd name="T9" fmla="*/ 43 h 85"/>
                <a:gd name="T10" fmla="*/ 75 w 85"/>
                <a:gd name="T11" fmla="*/ 43 h 85"/>
                <a:gd name="T12" fmla="*/ 43 w 85"/>
                <a:gd name="T13" fmla="*/ 75 h 85"/>
                <a:gd name="T14" fmla="*/ 10 w 85"/>
                <a:gd name="T15" fmla="*/ 43 h 85"/>
                <a:gd name="T16" fmla="*/ 43 w 85"/>
                <a:gd name="T17" fmla="*/ 10 h 85"/>
                <a:gd name="T18" fmla="*/ 75 w 85"/>
                <a:gd name="T19" fmla="*/ 43 h 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5" h="85">
                  <a:moveTo>
                    <a:pt x="0" y="43"/>
                  </a:moveTo>
                  <a:cubicBezTo>
                    <a:pt x="0" y="66"/>
                    <a:pt x="19" y="85"/>
                    <a:pt x="43" y="85"/>
                  </a:cubicBezTo>
                  <a:cubicBezTo>
                    <a:pt x="66" y="85"/>
                    <a:pt x="85" y="66"/>
                    <a:pt x="85" y="43"/>
                  </a:cubicBezTo>
                  <a:cubicBezTo>
                    <a:pt x="85" y="19"/>
                    <a:pt x="66" y="0"/>
                    <a:pt x="43" y="0"/>
                  </a:cubicBezTo>
                  <a:cubicBezTo>
                    <a:pt x="19" y="0"/>
                    <a:pt x="0" y="19"/>
                    <a:pt x="0" y="43"/>
                  </a:cubicBezTo>
                  <a:close/>
                  <a:moveTo>
                    <a:pt x="75" y="43"/>
                  </a:moveTo>
                  <a:cubicBezTo>
                    <a:pt x="75" y="61"/>
                    <a:pt x="61" y="75"/>
                    <a:pt x="43" y="75"/>
                  </a:cubicBezTo>
                  <a:cubicBezTo>
                    <a:pt x="25" y="75"/>
                    <a:pt x="10" y="61"/>
                    <a:pt x="10" y="43"/>
                  </a:cubicBezTo>
                  <a:cubicBezTo>
                    <a:pt x="10" y="25"/>
                    <a:pt x="25" y="10"/>
                    <a:pt x="43" y="10"/>
                  </a:cubicBezTo>
                  <a:cubicBezTo>
                    <a:pt x="61" y="10"/>
                    <a:pt x="75" y="25"/>
                    <a:pt x="75" y="43"/>
                  </a:cubicBezTo>
                  <a:close/>
                </a:path>
              </a:pathLst>
            </a:custGeom>
            <a:grpFill/>
            <a:ln w="9525">
              <a:solidFill>
                <a:schemeClr val="accent1"/>
              </a:solid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0" name="Freeform 507">
              <a:extLst>
                <a:ext uri="{FF2B5EF4-FFF2-40B4-BE49-F238E27FC236}">
                  <a16:creationId xmlns:a16="http://schemas.microsoft.com/office/drawing/2014/main" id="{AE514663-3337-480E-9CBF-A480BA0541DA}"/>
                </a:ext>
              </a:extLst>
            </p:cNvPr>
            <p:cNvSpPr>
              <a:spLocks noEditPoints="1"/>
            </p:cNvSpPr>
            <p:nvPr/>
          </p:nvSpPr>
          <p:spPr bwMode="auto">
            <a:xfrm>
              <a:off x="7232650" y="5826125"/>
              <a:ext cx="280988" cy="282575"/>
            </a:xfrm>
            <a:custGeom>
              <a:avLst/>
              <a:gdLst>
                <a:gd name="T0" fmla="*/ 68 w 145"/>
                <a:gd name="T1" fmla="*/ 0 h 145"/>
                <a:gd name="T2" fmla="*/ 55 w 145"/>
                <a:gd name="T3" fmla="*/ 16 h 145"/>
                <a:gd name="T4" fmla="*/ 23 w 145"/>
                <a:gd name="T5" fmla="*/ 23 h 145"/>
                <a:gd name="T6" fmla="*/ 17 w 145"/>
                <a:gd name="T7" fmla="*/ 49 h 145"/>
                <a:gd name="T8" fmla="*/ 15 w 145"/>
                <a:gd name="T9" fmla="*/ 59 h 145"/>
                <a:gd name="T10" fmla="*/ 0 w 145"/>
                <a:gd name="T11" fmla="*/ 73 h 145"/>
                <a:gd name="T12" fmla="*/ 14 w 145"/>
                <a:gd name="T13" fmla="*/ 95 h 145"/>
                <a:gd name="T14" fmla="*/ 22 w 145"/>
                <a:gd name="T15" fmla="*/ 104 h 145"/>
                <a:gd name="T16" fmla="*/ 21 w 145"/>
                <a:gd name="T17" fmla="*/ 124 h 145"/>
                <a:gd name="T18" fmla="*/ 47 w 145"/>
                <a:gd name="T19" fmla="*/ 130 h 145"/>
                <a:gd name="T20" fmla="*/ 57 w 145"/>
                <a:gd name="T21" fmla="*/ 130 h 145"/>
                <a:gd name="T22" fmla="*/ 70 w 145"/>
                <a:gd name="T23" fmla="*/ 145 h 145"/>
                <a:gd name="T24" fmla="*/ 93 w 145"/>
                <a:gd name="T25" fmla="*/ 132 h 145"/>
                <a:gd name="T26" fmla="*/ 97 w 145"/>
                <a:gd name="T27" fmla="*/ 127 h 145"/>
                <a:gd name="T28" fmla="*/ 121 w 145"/>
                <a:gd name="T29" fmla="*/ 131 h 145"/>
                <a:gd name="T30" fmla="*/ 127 w 145"/>
                <a:gd name="T31" fmla="*/ 105 h 145"/>
                <a:gd name="T32" fmla="*/ 128 w 145"/>
                <a:gd name="T33" fmla="*/ 93 h 145"/>
                <a:gd name="T34" fmla="*/ 145 w 145"/>
                <a:gd name="T35" fmla="*/ 80 h 145"/>
                <a:gd name="T36" fmla="*/ 132 w 145"/>
                <a:gd name="T37" fmla="*/ 57 h 145"/>
                <a:gd name="T38" fmla="*/ 127 w 145"/>
                <a:gd name="T39" fmla="*/ 48 h 145"/>
                <a:gd name="T40" fmla="*/ 133 w 145"/>
                <a:gd name="T41" fmla="*/ 36 h 145"/>
                <a:gd name="T42" fmla="*/ 123 w 145"/>
                <a:gd name="T43" fmla="*/ 20 h 145"/>
                <a:gd name="T44" fmla="*/ 102 w 145"/>
                <a:gd name="T45" fmla="*/ 21 h 145"/>
                <a:gd name="T46" fmla="*/ 91 w 145"/>
                <a:gd name="T47" fmla="*/ 13 h 145"/>
                <a:gd name="T48" fmla="*/ 100 w 145"/>
                <a:gd name="T49" fmla="*/ 31 h 145"/>
                <a:gd name="T50" fmla="*/ 110 w 145"/>
                <a:gd name="T51" fmla="*/ 27 h 145"/>
                <a:gd name="T52" fmla="*/ 122 w 145"/>
                <a:gd name="T53" fmla="*/ 33 h 145"/>
                <a:gd name="T54" fmla="*/ 122 w 145"/>
                <a:gd name="T55" fmla="*/ 38 h 145"/>
                <a:gd name="T56" fmla="*/ 116 w 145"/>
                <a:gd name="T57" fmla="*/ 49 h 145"/>
                <a:gd name="T58" fmla="*/ 122 w 145"/>
                <a:gd name="T59" fmla="*/ 67 h 145"/>
                <a:gd name="T60" fmla="*/ 135 w 145"/>
                <a:gd name="T61" fmla="*/ 71 h 145"/>
                <a:gd name="T62" fmla="*/ 132 w 145"/>
                <a:gd name="T63" fmla="*/ 83 h 145"/>
                <a:gd name="T64" fmla="*/ 120 w 145"/>
                <a:gd name="T65" fmla="*/ 87 h 145"/>
                <a:gd name="T66" fmla="*/ 112 w 145"/>
                <a:gd name="T67" fmla="*/ 103 h 145"/>
                <a:gd name="T68" fmla="*/ 120 w 145"/>
                <a:gd name="T69" fmla="*/ 117 h 145"/>
                <a:gd name="T70" fmla="*/ 109 w 145"/>
                <a:gd name="T71" fmla="*/ 124 h 145"/>
                <a:gd name="T72" fmla="*/ 96 w 145"/>
                <a:gd name="T73" fmla="*/ 116 h 145"/>
                <a:gd name="T74" fmla="*/ 83 w 145"/>
                <a:gd name="T75" fmla="*/ 121 h 145"/>
                <a:gd name="T76" fmla="*/ 79 w 145"/>
                <a:gd name="T77" fmla="*/ 135 h 145"/>
                <a:gd name="T78" fmla="*/ 67 w 145"/>
                <a:gd name="T79" fmla="*/ 132 h 145"/>
                <a:gd name="T80" fmla="*/ 63 w 145"/>
                <a:gd name="T81" fmla="*/ 121 h 145"/>
                <a:gd name="T82" fmla="*/ 48 w 145"/>
                <a:gd name="T83" fmla="*/ 115 h 145"/>
                <a:gd name="T84" fmla="*/ 35 w 145"/>
                <a:gd name="T85" fmla="*/ 123 h 145"/>
                <a:gd name="T86" fmla="*/ 28 w 145"/>
                <a:gd name="T87" fmla="*/ 112 h 145"/>
                <a:gd name="T88" fmla="*/ 33 w 145"/>
                <a:gd name="T89" fmla="*/ 101 h 145"/>
                <a:gd name="T90" fmla="*/ 25 w 145"/>
                <a:gd name="T91" fmla="*/ 85 h 145"/>
                <a:gd name="T92" fmla="*/ 10 w 145"/>
                <a:gd name="T93" fmla="*/ 82 h 145"/>
                <a:gd name="T94" fmla="*/ 14 w 145"/>
                <a:gd name="T95" fmla="*/ 69 h 145"/>
                <a:gd name="T96" fmla="*/ 24 w 145"/>
                <a:gd name="T97" fmla="*/ 65 h 145"/>
                <a:gd name="T98" fmla="*/ 30 w 145"/>
                <a:gd name="T99" fmla="*/ 48 h 145"/>
                <a:gd name="T100" fmla="*/ 24 w 145"/>
                <a:gd name="T101" fmla="*/ 36 h 145"/>
                <a:gd name="T102" fmla="*/ 35 w 145"/>
                <a:gd name="T103" fmla="*/ 30 h 145"/>
                <a:gd name="T104" fmla="*/ 44 w 145"/>
                <a:gd name="T105" fmla="*/ 33 h 145"/>
                <a:gd name="T106" fmla="*/ 65 w 145"/>
                <a:gd name="T107" fmla="*/ 24 h 145"/>
                <a:gd name="T108" fmla="*/ 68 w 145"/>
                <a:gd name="T109" fmla="*/ 10 h 145"/>
                <a:gd name="T110" fmla="*/ 81 w 145"/>
                <a:gd name="T111" fmla="*/ 13 h 145"/>
                <a:gd name="T112" fmla="*/ 85 w 145"/>
                <a:gd name="T113" fmla="*/ 25 h 1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45" h="145">
                  <a:moveTo>
                    <a:pt x="77" y="0"/>
                  </a:moveTo>
                  <a:cubicBezTo>
                    <a:pt x="68" y="0"/>
                    <a:pt x="68" y="0"/>
                    <a:pt x="68" y="0"/>
                  </a:cubicBezTo>
                  <a:cubicBezTo>
                    <a:pt x="61" y="0"/>
                    <a:pt x="55" y="6"/>
                    <a:pt x="55" y="13"/>
                  </a:cubicBezTo>
                  <a:cubicBezTo>
                    <a:pt x="55" y="16"/>
                    <a:pt x="55" y="16"/>
                    <a:pt x="55" y="16"/>
                  </a:cubicBezTo>
                  <a:cubicBezTo>
                    <a:pt x="50" y="18"/>
                    <a:pt x="46" y="20"/>
                    <a:pt x="42" y="22"/>
                  </a:cubicBezTo>
                  <a:cubicBezTo>
                    <a:pt x="36" y="18"/>
                    <a:pt x="28" y="18"/>
                    <a:pt x="23" y="23"/>
                  </a:cubicBezTo>
                  <a:cubicBezTo>
                    <a:pt x="17" y="29"/>
                    <a:pt x="17" y="29"/>
                    <a:pt x="17" y="29"/>
                  </a:cubicBezTo>
                  <a:cubicBezTo>
                    <a:pt x="11" y="35"/>
                    <a:pt x="11" y="43"/>
                    <a:pt x="17" y="49"/>
                  </a:cubicBezTo>
                  <a:cubicBezTo>
                    <a:pt x="18" y="50"/>
                    <a:pt x="18" y="50"/>
                    <a:pt x="18" y="50"/>
                  </a:cubicBezTo>
                  <a:cubicBezTo>
                    <a:pt x="17" y="53"/>
                    <a:pt x="16" y="56"/>
                    <a:pt x="15" y="59"/>
                  </a:cubicBezTo>
                  <a:cubicBezTo>
                    <a:pt x="14" y="59"/>
                    <a:pt x="14" y="59"/>
                    <a:pt x="14" y="59"/>
                  </a:cubicBezTo>
                  <a:cubicBezTo>
                    <a:pt x="6" y="59"/>
                    <a:pt x="0" y="65"/>
                    <a:pt x="0" y="73"/>
                  </a:cubicBezTo>
                  <a:cubicBezTo>
                    <a:pt x="0" y="82"/>
                    <a:pt x="0" y="82"/>
                    <a:pt x="0" y="82"/>
                  </a:cubicBezTo>
                  <a:cubicBezTo>
                    <a:pt x="0" y="89"/>
                    <a:pt x="6" y="95"/>
                    <a:pt x="14" y="95"/>
                  </a:cubicBezTo>
                  <a:cubicBezTo>
                    <a:pt x="18" y="95"/>
                    <a:pt x="18" y="95"/>
                    <a:pt x="18" y="95"/>
                  </a:cubicBezTo>
                  <a:cubicBezTo>
                    <a:pt x="19" y="98"/>
                    <a:pt x="21" y="101"/>
                    <a:pt x="22" y="104"/>
                  </a:cubicBezTo>
                  <a:cubicBezTo>
                    <a:pt x="21" y="104"/>
                    <a:pt x="21" y="104"/>
                    <a:pt x="21" y="104"/>
                  </a:cubicBezTo>
                  <a:cubicBezTo>
                    <a:pt x="16" y="110"/>
                    <a:pt x="16" y="118"/>
                    <a:pt x="21" y="124"/>
                  </a:cubicBezTo>
                  <a:cubicBezTo>
                    <a:pt x="28" y="130"/>
                    <a:pt x="28" y="130"/>
                    <a:pt x="28" y="130"/>
                  </a:cubicBezTo>
                  <a:cubicBezTo>
                    <a:pt x="33" y="135"/>
                    <a:pt x="42" y="135"/>
                    <a:pt x="47" y="130"/>
                  </a:cubicBezTo>
                  <a:cubicBezTo>
                    <a:pt x="50" y="127"/>
                    <a:pt x="50" y="127"/>
                    <a:pt x="50" y="127"/>
                  </a:cubicBezTo>
                  <a:cubicBezTo>
                    <a:pt x="52" y="128"/>
                    <a:pt x="54" y="129"/>
                    <a:pt x="57" y="130"/>
                  </a:cubicBezTo>
                  <a:cubicBezTo>
                    <a:pt x="57" y="132"/>
                    <a:pt x="57" y="132"/>
                    <a:pt x="57" y="132"/>
                  </a:cubicBezTo>
                  <a:cubicBezTo>
                    <a:pt x="57" y="139"/>
                    <a:pt x="63" y="145"/>
                    <a:pt x="70" y="145"/>
                  </a:cubicBezTo>
                  <a:cubicBezTo>
                    <a:pt x="79" y="145"/>
                    <a:pt x="79" y="145"/>
                    <a:pt x="79" y="145"/>
                  </a:cubicBezTo>
                  <a:cubicBezTo>
                    <a:pt x="87" y="145"/>
                    <a:pt x="93" y="139"/>
                    <a:pt x="93" y="132"/>
                  </a:cubicBezTo>
                  <a:cubicBezTo>
                    <a:pt x="93" y="128"/>
                    <a:pt x="93" y="128"/>
                    <a:pt x="93" y="128"/>
                  </a:cubicBezTo>
                  <a:cubicBezTo>
                    <a:pt x="95" y="128"/>
                    <a:pt x="96" y="127"/>
                    <a:pt x="97" y="127"/>
                  </a:cubicBezTo>
                  <a:cubicBezTo>
                    <a:pt x="101" y="131"/>
                    <a:pt x="101" y="131"/>
                    <a:pt x="101" y="131"/>
                  </a:cubicBezTo>
                  <a:cubicBezTo>
                    <a:pt x="107" y="136"/>
                    <a:pt x="116" y="136"/>
                    <a:pt x="121" y="131"/>
                  </a:cubicBezTo>
                  <a:cubicBezTo>
                    <a:pt x="127" y="124"/>
                    <a:pt x="127" y="124"/>
                    <a:pt x="127" y="124"/>
                  </a:cubicBezTo>
                  <a:cubicBezTo>
                    <a:pt x="133" y="119"/>
                    <a:pt x="133" y="110"/>
                    <a:pt x="127" y="105"/>
                  </a:cubicBezTo>
                  <a:cubicBezTo>
                    <a:pt x="124" y="102"/>
                    <a:pt x="124" y="102"/>
                    <a:pt x="124" y="102"/>
                  </a:cubicBezTo>
                  <a:cubicBezTo>
                    <a:pt x="126" y="99"/>
                    <a:pt x="127" y="96"/>
                    <a:pt x="128" y="93"/>
                  </a:cubicBezTo>
                  <a:cubicBezTo>
                    <a:pt x="132" y="93"/>
                    <a:pt x="132" y="93"/>
                    <a:pt x="132" y="93"/>
                  </a:cubicBezTo>
                  <a:cubicBezTo>
                    <a:pt x="139" y="93"/>
                    <a:pt x="145" y="87"/>
                    <a:pt x="145" y="80"/>
                  </a:cubicBezTo>
                  <a:cubicBezTo>
                    <a:pt x="145" y="71"/>
                    <a:pt x="145" y="71"/>
                    <a:pt x="145" y="71"/>
                  </a:cubicBezTo>
                  <a:cubicBezTo>
                    <a:pt x="145" y="63"/>
                    <a:pt x="139" y="57"/>
                    <a:pt x="132" y="57"/>
                  </a:cubicBezTo>
                  <a:cubicBezTo>
                    <a:pt x="130" y="57"/>
                    <a:pt x="130" y="57"/>
                    <a:pt x="130" y="57"/>
                  </a:cubicBezTo>
                  <a:cubicBezTo>
                    <a:pt x="129" y="54"/>
                    <a:pt x="128" y="51"/>
                    <a:pt x="127" y="48"/>
                  </a:cubicBezTo>
                  <a:cubicBezTo>
                    <a:pt x="129" y="45"/>
                    <a:pt x="129" y="45"/>
                    <a:pt x="129" y="45"/>
                  </a:cubicBezTo>
                  <a:cubicBezTo>
                    <a:pt x="132" y="43"/>
                    <a:pt x="133" y="39"/>
                    <a:pt x="133" y="36"/>
                  </a:cubicBezTo>
                  <a:cubicBezTo>
                    <a:pt x="133" y="32"/>
                    <a:pt x="132" y="29"/>
                    <a:pt x="129" y="26"/>
                  </a:cubicBezTo>
                  <a:cubicBezTo>
                    <a:pt x="123" y="20"/>
                    <a:pt x="123" y="20"/>
                    <a:pt x="123" y="20"/>
                  </a:cubicBezTo>
                  <a:cubicBezTo>
                    <a:pt x="117" y="14"/>
                    <a:pt x="108" y="14"/>
                    <a:pt x="103" y="20"/>
                  </a:cubicBezTo>
                  <a:cubicBezTo>
                    <a:pt x="102" y="21"/>
                    <a:pt x="102" y="21"/>
                    <a:pt x="102" y="21"/>
                  </a:cubicBezTo>
                  <a:cubicBezTo>
                    <a:pt x="99" y="19"/>
                    <a:pt x="95" y="17"/>
                    <a:pt x="91" y="16"/>
                  </a:cubicBezTo>
                  <a:cubicBezTo>
                    <a:pt x="91" y="13"/>
                    <a:pt x="91" y="13"/>
                    <a:pt x="91" y="13"/>
                  </a:cubicBezTo>
                  <a:cubicBezTo>
                    <a:pt x="91" y="6"/>
                    <a:pt x="85" y="0"/>
                    <a:pt x="77" y="0"/>
                  </a:cubicBezTo>
                  <a:close/>
                  <a:moveTo>
                    <a:pt x="100" y="31"/>
                  </a:moveTo>
                  <a:cubicBezTo>
                    <a:pt x="103" y="34"/>
                    <a:pt x="103" y="34"/>
                    <a:pt x="103" y="34"/>
                  </a:cubicBezTo>
                  <a:cubicBezTo>
                    <a:pt x="110" y="27"/>
                    <a:pt x="110" y="27"/>
                    <a:pt x="110" y="27"/>
                  </a:cubicBezTo>
                  <a:cubicBezTo>
                    <a:pt x="112" y="25"/>
                    <a:pt x="114" y="25"/>
                    <a:pt x="116" y="27"/>
                  </a:cubicBezTo>
                  <a:cubicBezTo>
                    <a:pt x="122" y="33"/>
                    <a:pt x="122" y="33"/>
                    <a:pt x="122" y="33"/>
                  </a:cubicBezTo>
                  <a:cubicBezTo>
                    <a:pt x="123" y="34"/>
                    <a:pt x="123" y="35"/>
                    <a:pt x="123" y="36"/>
                  </a:cubicBezTo>
                  <a:cubicBezTo>
                    <a:pt x="123" y="37"/>
                    <a:pt x="123" y="38"/>
                    <a:pt x="122" y="38"/>
                  </a:cubicBezTo>
                  <a:cubicBezTo>
                    <a:pt x="115" y="46"/>
                    <a:pt x="115" y="46"/>
                    <a:pt x="115" y="46"/>
                  </a:cubicBezTo>
                  <a:cubicBezTo>
                    <a:pt x="116" y="49"/>
                    <a:pt x="116" y="49"/>
                    <a:pt x="116" y="49"/>
                  </a:cubicBezTo>
                  <a:cubicBezTo>
                    <a:pt x="119" y="53"/>
                    <a:pt x="120" y="58"/>
                    <a:pt x="121" y="63"/>
                  </a:cubicBezTo>
                  <a:cubicBezTo>
                    <a:pt x="122" y="67"/>
                    <a:pt x="122" y="67"/>
                    <a:pt x="122" y="67"/>
                  </a:cubicBezTo>
                  <a:cubicBezTo>
                    <a:pt x="132" y="67"/>
                    <a:pt x="132" y="67"/>
                    <a:pt x="132" y="67"/>
                  </a:cubicBezTo>
                  <a:cubicBezTo>
                    <a:pt x="134" y="67"/>
                    <a:pt x="135" y="69"/>
                    <a:pt x="135" y="71"/>
                  </a:cubicBezTo>
                  <a:cubicBezTo>
                    <a:pt x="135" y="80"/>
                    <a:pt x="135" y="80"/>
                    <a:pt x="135" y="80"/>
                  </a:cubicBezTo>
                  <a:cubicBezTo>
                    <a:pt x="135" y="82"/>
                    <a:pt x="134" y="83"/>
                    <a:pt x="132" y="83"/>
                  </a:cubicBezTo>
                  <a:cubicBezTo>
                    <a:pt x="121" y="83"/>
                    <a:pt x="121" y="83"/>
                    <a:pt x="121" y="83"/>
                  </a:cubicBezTo>
                  <a:cubicBezTo>
                    <a:pt x="120" y="87"/>
                    <a:pt x="120" y="87"/>
                    <a:pt x="120" y="87"/>
                  </a:cubicBezTo>
                  <a:cubicBezTo>
                    <a:pt x="119" y="92"/>
                    <a:pt x="117" y="96"/>
                    <a:pt x="114" y="100"/>
                  </a:cubicBezTo>
                  <a:cubicBezTo>
                    <a:pt x="112" y="103"/>
                    <a:pt x="112" y="103"/>
                    <a:pt x="112" y="103"/>
                  </a:cubicBezTo>
                  <a:cubicBezTo>
                    <a:pt x="120" y="112"/>
                    <a:pt x="120" y="112"/>
                    <a:pt x="120" y="112"/>
                  </a:cubicBezTo>
                  <a:cubicBezTo>
                    <a:pt x="122" y="113"/>
                    <a:pt x="122" y="116"/>
                    <a:pt x="120" y="117"/>
                  </a:cubicBezTo>
                  <a:cubicBezTo>
                    <a:pt x="114" y="124"/>
                    <a:pt x="114" y="124"/>
                    <a:pt x="114" y="124"/>
                  </a:cubicBezTo>
                  <a:cubicBezTo>
                    <a:pt x="112" y="125"/>
                    <a:pt x="110" y="125"/>
                    <a:pt x="109" y="124"/>
                  </a:cubicBezTo>
                  <a:cubicBezTo>
                    <a:pt x="99" y="114"/>
                    <a:pt x="99" y="114"/>
                    <a:pt x="99" y="114"/>
                  </a:cubicBezTo>
                  <a:cubicBezTo>
                    <a:pt x="96" y="116"/>
                    <a:pt x="96" y="116"/>
                    <a:pt x="96" y="116"/>
                  </a:cubicBezTo>
                  <a:cubicBezTo>
                    <a:pt x="93" y="118"/>
                    <a:pt x="90" y="119"/>
                    <a:pt x="87" y="120"/>
                  </a:cubicBezTo>
                  <a:cubicBezTo>
                    <a:pt x="83" y="121"/>
                    <a:pt x="83" y="121"/>
                    <a:pt x="83" y="121"/>
                  </a:cubicBezTo>
                  <a:cubicBezTo>
                    <a:pt x="83" y="132"/>
                    <a:pt x="83" y="132"/>
                    <a:pt x="83" y="132"/>
                  </a:cubicBezTo>
                  <a:cubicBezTo>
                    <a:pt x="83" y="134"/>
                    <a:pt x="81" y="135"/>
                    <a:pt x="79" y="135"/>
                  </a:cubicBezTo>
                  <a:cubicBezTo>
                    <a:pt x="70" y="135"/>
                    <a:pt x="70" y="135"/>
                    <a:pt x="70" y="135"/>
                  </a:cubicBezTo>
                  <a:cubicBezTo>
                    <a:pt x="68" y="135"/>
                    <a:pt x="67" y="134"/>
                    <a:pt x="67" y="132"/>
                  </a:cubicBezTo>
                  <a:cubicBezTo>
                    <a:pt x="67" y="122"/>
                    <a:pt x="67" y="122"/>
                    <a:pt x="67" y="122"/>
                  </a:cubicBezTo>
                  <a:cubicBezTo>
                    <a:pt x="63" y="121"/>
                    <a:pt x="63" y="121"/>
                    <a:pt x="63" y="121"/>
                  </a:cubicBezTo>
                  <a:cubicBezTo>
                    <a:pt x="59" y="120"/>
                    <a:pt x="55" y="119"/>
                    <a:pt x="51" y="117"/>
                  </a:cubicBezTo>
                  <a:cubicBezTo>
                    <a:pt x="48" y="115"/>
                    <a:pt x="48" y="115"/>
                    <a:pt x="48" y="115"/>
                  </a:cubicBezTo>
                  <a:cubicBezTo>
                    <a:pt x="40" y="123"/>
                    <a:pt x="40" y="123"/>
                    <a:pt x="40" y="123"/>
                  </a:cubicBezTo>
                  <a:cubicBezTo>
                    <a:pt x="39" y="125"/>
                    <a:pt x="36" y="125"/>
                    <a:pt x="35" y="123"/>
                  </a:cubicBezTo>
                  <a:cubicBezTo>
                    <a:pt x="28" y="117"/>
                    <a:pt x="28" y="117"/>
                    <a:pt x="28" y="117"/>
                  </a:cubicBezTo>
                  <a:cubicBezTo>
                    <a:pt x="27" y="115"/>
                    <a:pt x="27" y="113"/>
                    <a:pt x="28" y="112"/>
                  </a:cubicBezTo>
                  <a:cubicBezTo>
                    <a:pt x="35" y="105"/>
                    <a:pt x="35" y="105"/>
                    <a:pt x="35" y="105"/>
                  </a:cubicBezTo>
                  <a:cubicBezTo>
                    <a:pt x="33" y="101"/>
                    <a:pt x="33" y="101"/>
                    <a:pt x="33" y="101"/>
                  </a:cubicBezTo>
                  <a:cubicBezTo>
                    <a:pt x="30" y="97"/>
                    <a:pt x="28" y="93"/>
                    <a:pt x="26" y="89"/>
                  </a:cubicBezTo>
                  <a:cubicBezTo>
                    <a:pt x="25" y="85"/>
                    <a:pt x="25" y="85"/>
                    <a:pt x="25" y="85"/>
                  </a:cubicBezTo>
                  <a:cubicBezTo>
                    <a:pt x="14" y="85"/>
                    <a:pt x="14" y="85"/>
                    <a:pt x="14" y="85"/>
                  </a:cubicBezTo>
                  <a:cubicBezTo>
                    <a:pt x="12" y="85"/>
                    <a:pt x="10" y="84"/>
                    <a:pt x="10" y="82"/>
                  </a:cubicBezTo>
                  <a:cubicBezTo>
                    <a:pt x="10" y="73"/>
                    <a:pt x="10" y="73"/>
                    <a:pt x="10" y="73"/>
                  </a:cubicBezTo>
                  <a:cubicBezTo>
                    <a:pt x="10" y="71"/>
                    <a:pt x="12" y="69"/>
                    <a:pt x="14" y="69"/>
                  </a:cubicBezTo>
                  <a:cubicBezTo>
                    <a:pt x="23" y="69"/>
                    <a:pt x="23" y="69"/>
                    <a:pt x="23" y="69"/>
                  </a:cubicBezTo>
                  <a:cubicBezTo>
                    <a:pt x="24" y="65"/>
                    <a:pt x="24" y="65"/>
                    <a:pt x="24" y="65"/>
                  </a:cubicBezTo>
                  <a:cubicBezTo>
                    <a:pt x="25" y="60"/>
                    <a:pt x="26" y="55"/>
                    <a:pt x="28" y="51"/>
                  </a:cubicBezTo>
                  <a:cubicBezTo>
                    <a:pt x="30" y="48"/>
                    <a:pt x="30" y="48"/>
                    <a:pt x="30" y="48"/>
                  </a:cubicBezTo>
                  <a:cubicBezTo>
                    <a:pt x="24" y="42"/>
                    <a:pt x="24" y="42"/>
                    <a:pt x="24" y="42"/>
                  </a:cubicBezTo>
                  <a:cubicBezTo>
                    <a:pt x="22" y="40"/>
                    <a:pt x="22" y="38"/>
                    <a:pt x="24" y="36"/>
                  </a:cubicBezTo>
                  <a:cubicBezTo>
                    <a:pt x="30" y="30"/>
                    <a:pt x="30" y="30"/>
                    <a:pt x="30" y="30"/>
                  </a:cubicBezTo>
                  <a:cubicBezTo>
                    <a:pt x="31" y="29"/>
                    <a:pt x="34" y="29"/>
                    <a:pt x="35" y="30"/>
                  </a:cubicBezTo>
                  <a:cubicBezTo>
                    <a:pt x="40" y="35"/>
                    <a:pt x="40" y="35"/>
                    <a:pt x="40" y="35"/>
                  </a:cubicBezTo>
                  <a:cubicBezTo>
                    <a:pt x="44" y="33"/>
                    <a:pt x="44" y="33"/>
                    <a:pt x="44" y="33"/>
                  </a:cubicBezTo>
                  <a:cubicBezTo>
                    <a:pt x="49" y="29"/>
                    <a:pt x="55" y="26"/>
                    <a:pt x="61" y="25"/>
                  </a:cubicBezTo>
                  <a:cubicBezTo>
                    <a:pt x="65" y="24"/>
                    <a:pt x="65" y="24"/>
                    <a:pt x="65" y="24"/>
                  </a:cubicBezTo>
                  <a:cubicBezTo>
                    <a:pt x="65" y="13"/>
                    <a:pt x="65" y="13"/>
                    <a:pt x="65" y="13"/>
                  </a:cubicBezTo>
                  <a:cubicBezTo>
                    <a:pt x="65" y="11"/>
                    <a:pt x="66" y="10"/>
                    <a:pt x="68" y="10"/>
                  </a:cubicBezTo>
                  <a:cubicBezTo>
                    <a:pt x="77" y="10"/>
                    <a:pt x="77" y="10"/>
                    <a:pt x="77" y="10"/>
                  </a:cubicBezTo>
                  <a:cubicBezTo>
                    <a:pt x="79" y="10"/>
                    <a:pt x="81" y="11"/>
                    <a:pt x="81" y="13"/>
                  </a:cubicBezTo>
                  <a:cubicBezTo>
                    <a:pt x="81" y="24"/>
                    <a:pt x="81" y="24"/>
                    <a:pt x="81" y="24"/>
                  </a:cubicBezTo>
                  <a:cubicBezTo>
                    <a:pt x="85" y="25"/>
                    <a:pt x="85" y="25"/>
                    <a:pt x="85" y="25"/>
                  </a:cubicBezTo>
                  <a:cubicBezTo>
                    <a:pt x="90" y="26"/>
                    <a:pt x="95" y="28"/>
                    <a:pt x="100" y="31"/>
                  </a:cubicBezTo>
                  <a:close/>
                </a:path>
              </a:pathLst>
            </a:custGeom>
            <a:grpFill/>
            <a:ln w="9525">
              <a:solidFill>
                <a:schemeClr val="accent1"/>
              </a:solid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1" name="Freeform 508">
              <a:extLst>
                <a:ext uri="{FF2B5EF4-FFF2-40B4-BE49-F238E27FC236}">
                  <a16:creationId xmlns:a16="http://schemas.microsoft.com/office/drawing/2014/main" id="{6D81B7E4-4D73-415C-AB16-3B381F450738}"/>
                </a:ext>
              </a:extLst>
            </p:cNvPr>
            <p:cNvSpPr>
              <a:spLocks/>
            </p:cNvSpPr>
            <p:nvPr/>
          </p:nvSpPr>
          <p:spPr bwMode="auto">
            <a:xfrm>
              <a:off x="7024688" y="5834063"/>
              <a:ext cx="558800" cy="342900"/>
            </a:xfrm>
            <a:custGeom>
              <a:avLst/>
              <a:gdLst>
                <a:gd name="T0" fmla="*/ 284 w 288"/>
                <a:gd name="T1" fmla="*/ 83 h 176"/>
                <a:gd name="T2" fmla="*/ 277 w 288"/>
                <a:gd name="T3" fmla="*/ 86 h 176"/>
                <a:gd name="T4" fmla="*/ 156 w 288"/>
                <a:gd name="T5" fmla="*/ 166 h 176"/>
                <a:gd name="T6" fmla="*/ 25 w 288"/>
                <a:gd name="T7" fmla="*/ 35 h 176"/>
                <a:gd name="T8" fmla="*/ 40 w 288"/>
                <a:gd name="T9" fmla="*/ 35 h 176"/>
                <a:gd name="T10" fmla="*/ 30 w 288"/>
                <a:gd name="T11" fmla="*/ 17 h 176"/>
                <a:gd name="T12" fmla="*/ 20 w 288"/>
                <a:gd name="T13" fmla="*/ 0 h 176"/>
                <a:gd name="T14" fmla="*/ 10 w 288"/>
                <a:gd name="T15" fmla="*/ 17 h 176"/>
                <a:gd name="T16" fmla="*/ 0 w 288"/>
                <a:gd name="T17" fmla="*/ 35 h 176"/>
                <a:gd name="T18" fmla="*/ 15 w 288"/>
                <a:gd name="T19" fmla="*/ 35 h 176"/>
                <a:gd name="T20" fmla="*/ 156 w 288"/>
                <a:gd name="T21" fmla="*/ 176 h 176"/>
                <a:gd name="T22" fmla="*/ 286 w 288"/>
                <a:gd name="T23" fmla="*/ 90 h 176"/>
                <a:gd name="T24" fmla="*/ 284 w 288"/>
                <a:gd name="T25" fmla="*/ 83 h 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8" h="176">
                  <a:moveTo>
                    <a:pt x="284" y="83"/>
                  </a:moveTo>
                  <a:cubicBezTo>
                    <a:pt x="281" y="82"/>
                    <a:pt x="278" y="84"/>
                    <a:pt x="277" y="86"/>
                  </a:cubicBezTo>
                  <a:cubicBezTo>
                    <a:pt x="257" y="135"/>
                    <a:pt x="209" y="166"/>
                    <a:pt x="156" y="166"/>
                  </a:cubicBezTo>
                  <a:cubicBezTo>
                    <a:pt x="84" y="166"/>
                    <a:pt x="25" y="107"/>
                    <a:pt x="25" y="35"/>
                  </a:cubicBezTo>
                  <a:cubicBezTo>
                    <a:pt x="40" y="35"/>
                    <a:pt x="40" y="35"/>
                    <a:pt x="40" y="35"/>
                  </a:cubicBezTo>
                  <a:cubicBezTo>
                    <a:pt x="30" y="17"/>
                    <a:pt x="30" y="17"/>
                    <a:pt x="30" y="17"/>
                  </a:cubicBezTo>
                  <a:cubicBezTo>
                    <a:pt x="20" y="0"/>
                    <a:pt x="20" y="0"/>
                    <a:pt x="20" y="0"/>
                  </a:cubicBezTo>
                  <a:cubicBezTo>
                    <a:pt x="10" y="17"/>
                    <a:pt x="10" y="17"/>
                    <a:pt x="10" y="17"/>
                  </a:cubicBezTo>
                  <a:cubicBezTo>
                    <a:pt x="0" y="35"/>
                    <a:pt x="0" y="35"/>
                    <a:pt x="0" y="35"/>
                  </a:cubicBezTo>
                  <a:cubicBezTo>
                    <a:pt x="15" y="35"/>
                    <a:pt x="15" y="35"/>
                    <a:pt x="15" y="35"/>
                  </a:cubicBezTo>
                  <a:cubicBezTo>
                    <a:pt x="15" y="113"/>
                    <a:pt x="78" y="176"/>
                    <a:pt x="156" y="176"/>
                  </a:cubicBezTo>
                  <a:cubicBezTo>
                    <a:pt x="213" y="176"/>
                    <a:pt x="264" y="142"/>
                    <a:pt x="286" y="90"/>
                  </a:cubicBezTo>
                  <a:cubicBezTo>
                    <a:pt x="288" y="87"/>
                    <a:pt x="286" y="85"/>
                    <a:pt x="284" y="83"/>
                  </a:cubicBezTo>
                  <a:close/>
                </a:path>
              </a:pathLst>
            </a:custGeom>
            <a:grpFill/>
            <a:ln w="9525">
              <a:solidFill>
                <a:schemeClr val="accent1"/>
              </a:solid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2" name="Freeform 509">
              <a:extLst>
                <a:ext uri="{FF2B5EF4-FFF2-40B4-BE49-F238E27FC236}">
                  <a16:creationId xmlns:a16="http://schemas.microsoft.com/office/drawing/2014/main" id="{CD3B5903-14CA-4515-BFA7-8595B1ACDB53}"/>
                </a:ext>
              </a:extLst>
            </p:cNvPr>
            <p:cNvSpPr>
              <a:spLocks/>
            </p:cNvSpPr>
            <p:nvPr/>
          </p:nvSpPr>
          <p:spPr bwMode="auto">
            <a:xfrm>
              <a:off x="7078663" y="5627688"/>
              <a:ext cx="554038" cy="342900"/>
            </a:xfrm>
            <a:custGeom>
              <a:avLst/>
              <a:gdLst>
                <a:gd name="T0" fmla="*/ 270 w 285"/>
                <a:gd name="T1" fmla="*/ 141 h 176"/>
                <a:gd name="T2" fmla="*/ 128 w 285"/>
                <a:gd name="T3" fmla="*/ 0 h 176"/>
                <a:gd name="T4" fmla="*/ 1 w 285"/>
                <a:gd name="T5" fmla="*/ 79 h 176"/>
                <a:gd name="T6" fmla="*/ 3 w 285"/>
                <a:gd name="T7" fmla="*/ 86 h 176"/>
                <a:gd name="T8" fmla="*/ 10 w 285"/>
                <a:gd name="T9" fmla="*/ 84 h 176"/>
                <a:gd name="T10" fmla="*/ 128 w 285"/>
                <a:gd name="T11" fmla="*/ 10 h 176"/>
                <a:gd name="T12" fmla="*/ 260 w 285"/>
                <a:gd name="T13" fmla="*/ 141 h 176"/>
                <a:gd name="T14" fmla="*/ 244 w 285"/>
                <a:gd name="T15" fmla="*/ 141 h 176"/>
                <a:gd name="T16" fmla="*/ 254 w 285"/>
                <a:gd name="T17" fmla="*/ 159 h 176"/>
                <a:gd name="T18" fmla="*/ 265 w 285"/>
                <a:gd name="T19" fmla="*/ 176 h 176"/>
                <a:gd name="T20" fmla="*/ 275 w 285"/>
                <a:gd name="T21" fmla="*/ 159 h 176"/>
                <a:gd name="T22" fmla="*/ 285 w 285"/>
                <a:gd name="T23" fmla="*/ 141 h 176"/>
                <a:gd name="T24" fmla="*/ 270 w 285"/>
                <a:gd name="T25" fmla="*/ 141 h 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5" h="176">
                  <a:moveTo>
                    <a:pt x="270" y="141"/>
                  </a:moveTo>
                  <a:cubicBezTo>
                    <a:pt x="270" y="63"/>
                    <a:pt x="206" y="0"/>
                    <a:pt x="128" y="0"/>
                  </a:cubicBezTo>
                  <a:cubicBezTo>
                    <a:pt x="75" y="0"/>
                    <a:pt x="25" y="31"/>
                    <a:pt x="1" y="79"/>
                  </a:cubicBezTo>
                  <a:cubicBezTo>
                    <a:pt x="0" y="82"/>
                    <a:pt x="1" y="85"/>
                    <a:pt x="3" y="86"/>
                  </a:cubicBezTo>
                  <a:cubicBezTo>
                    <a:pt x="6" y="87"/>
                    <a:pt x="9" y="86"/>
                    <a:pt x="10" y="84"/>
                  </a:cubicBezTo>
                  <a:cubicBezTo>
                    <a:pt x="32" y="39"/>
                    <a:pt x="78" y="10"/>
                    <a:pt x="128" y="10"/>
                  </a:cubicBezTo>
                  <a:cubicBezTo>
                    <a:pt x="201" y="10"/>
                    <a:pt x="260" y="69"/>
                    <a:pt x="260" y="141"/>
                  </a:cubicBezTo>
                  <a:cubicBezTo>
                    <a:pt x="244" y="141"/>
                    <a:pt x="244" y="141"/>
                    <a:pt x="244" y="141"/>
                  </a:cubicBezTo>
                  <a:cubicBezTo>
                    <a:pt x="254" y="159"/>
                    <a:pt x="254" y="159"/>
                    <a:pt x="254" y="159"/>
                  </a:cubicBezTo>
                  <a:cubicBezTo>
                    <a:pt x="265" y="176"/>
                    <a:pt x="265" y="176"/>
                    <a:pt x="265" y="176"/>
                  </a:cubicBezTo>
                  <a:cubicBezTo>
                    <a:pt x="275" y="159"/>
                    <a:pt x="275" y="159"/>
                    <a:pt x="275" y="159"/>
                  </a:cubicBezTo>
                  <a:cubicBezTo>
                    <a:pt x="285" y="141"/>
                    <a:pt x="285" y="141"/>
                    <a:pt x="285" y="141"/>
                  </a:cubicBezTo>
                  <a:lnTo>
                    <a:pt x="270" y="141"/>
                  </a:lnTo>
                  <a:close/>
                </a:path>
              </a:pathLst>
            </a:custGeom>
            <a:grpFill/>
            <a:ln w="9525">
              <a:solidFill>
                <a:schemeClr val="accent1"/>
              </a:solid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3" name="Freeform 510">
              <a:extLst>
                <a:ext uri="{FF2B5EF4-FFF2-40B4-BE49-F238E27FC236}">
                  <a16:creationId xmlns:a16="http://schemas.microsoft.com/office/drawing/2014/main" id="{9524ED5D-4B32-4E82-B9C3-5EB5783ACEF1}"/>
                </a:ext>
              </a:extLst>
            </p:cNvPr>
            <p:cNvSpPr>
              <a:spLocks noEditPoints="1"/>
            </p:cNvSpPr>
            <p:nvPr/>
          </p:nvSpPr>
          <p:spPr bwMode="auto">
            <a:xfrm>
              <a:off x="7146925" y="5870575"/>
              <a:ext cx="53975" cy="53975"/>
            </a:xfrm>
            <a:custGeom>
              <a:avLst/>
              <a:gdLst>
                <a:gd name="T0" fmla="*/ 14 w 28"/>
                <a:gd name="T1" fmla="*/ 28 h 28"/>
                <a:gd name="T2" fmla="*/ 28 w 28"/>
                <a:gd name="T3" fmla="*/ 14 h 28"/>
                <a:gd name="T4" fmla="*/ 14 w 28"/>
                <a:gd name="T5" fmla="*/ 0 h 28"/>
                <a:gd name="T6" fmla="*/ 0 w 28"/>
                <a:gd name="T7" fmla="*/ 14 h 28"/>
                <a:gd name="T8" fmla="*/ 14 w 28"/>
                <a:gd name="T9" fmla="*/ 28 h 28"/>
                <a:gd name="T10" fmla="*/ 14 w 28"/>
                <a:gd name="T11" fmla="*/ 8 h 28"/>
                <a:gd name="T12" fmla="*/ 20 w 28"/>
                <a:gd name="T13" fmla="*/ 14 h 28"/>
                <a:gd name="T14" fmla="*/ 14 w 28"/>
                <a:gd name="T15" fmla="*/ 20 h 28"/>
                <a:gd name="T16" fmla="*/ 8 w 28"/>
                <a:gd name="T17" fmla="*/ 14 h 28"/>
                <a:gd name="T18" fmla="*/ 14 w 28"/>
                <a:gd name="T19" fmla="*/ 8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8" h="28">
                  <a:moveTo>
                    <a:pt x="14" y="28"/>
                  </a:moveTo>
                  <a:cubicBezTo>
                    <a:pt x="22" y="28"/>
                    <a:pt x="28" y="22"/>
                    <a:pt x="28" y="14"/>
                  </a:cubicBezTo>
                  <a:cubicBezTo>
                    <a:pt x="28" y="6"/>
                    <a:pt x="22" y="0"/>
                    <a:pt x="14" y="0"/>
                  </a:cubicBezTo>
                  <a:cubicBezTo>
                    <a:pt x="6" y="0"/>
                    <a:pt x="0" y="6"/>
                    <a:pt x="0" y="14"/>
                  </a:cubicBezTo>
                  <a:cubicBezTo>
                    <a:pt x="0" y="22"/>
                    <a:pt x="6" y="28"/>
                    <a:pt x="14" y="28"/>
                  </a:cubicBezTo>
                  <a:close/>
                  <a:moveTo>
                    <a:pt x="14" y="8"/>
                  </a:moveTo>
                  <a:cubicBezTo>
                    <a:pt x="17" y="8"/>
                    <a:pt x="20" y="10"/>
                    <a:pt x="20" y="14"/>
                  </a:cubicBezTo>
                  <a:cubicBezTo>
                    <a:pt x="20" y="17"/>
                    <a:pt x="17" y="20"/>
                    <a:pt x="14" y="20"/>
                  </a:cubicBezTo>
                  <a:cubicBezTo>
                    <a:pt x="10" y="20"/>
                    <a:pt x="8" y="17"/>
                    <a:pt x="8" y="14"/>
                  </a:cubicBezTo>
                  <a:cubicBezTo>
                    <a:pt x="8" y="10"/>
                    <a:pt x="10" y="8"/>
                    <a:pt x="14" y="8"/>
                  </a:cubicBezTo>
                  <a:close/>
                </a:path>
              </a:pathLst>
            </a:custGeom>
            <a:grpFill/>
            <a:ln w="9525">
              <a:solidFill>
                <a:schemeClr val="accent1"/>
              </a:solid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4" name="Freeform 511">
              <a:extLst>
                <a:ext uri="{FF2B5EF4-FFF2-40B4-BE49-F238E27FC236}">
                  <a16:creationId xmlns:a16="http://schemas.microsoft.com/office/drawing/2014/main" id="{ABABFD45-5A2A-46AD-88E6-6A4694B505A5}"/>
                </a:ext>
              </a:extLst>
            </p:cNvPr>
            <p:cNvSpPr>
              <a:spLocks noEditPoints="1"/>
            </p:cNvSpPr>
            <p:nvPr/>
          </p:nvSpPr>
          <p:spPr bwMode="auto">
            <a:xfrm>
              <a:off x="7112000" y="5835650"/>
              <a:ext cx="123825" cy="125413"/>
            </a:xfrm>
            <a:custGeom>
              <a:avLst/>
              <a:gdLst>
                <a:gd name="T0" fmla="*/ 0 w 64"/>
                <a:gd name="T1" fmla="*/ 36 h 64"/>
                <a:gd name="T2" fmla="*/ 8 w 64"/>
                <a:gd name="T3" fmla="*/ 43 h 64"/>
                <a:gd name="T4" fmla="*/ 9 w 64"/>
                <a:gd name="T5" fmla="*/ 55 h 64"/>
                <a:gd name="T6" fmla="*/ 23 w 64"/>
                <a:gd name="T7" fmla="*/ 57 h 64"/>
                <a:gd name="T8" fmla="*/ 23 w 64"/>
                <a:gd name="T9" fmla="*/ 57 h 64"/>
                <a:gd name="T10" fmla="*/ 35 w 64"/>
                <a:gd name="T11" fmla="*/ 64 h 64"/>
                <a:gd name="T12" fmla="*/ 42 w 64"/>
                <a:gd name="T13" fmla="*/ 57 h 64"/>
                <a:gd name="T14" fmla="*/ 56 w 64"/>
                <a:gd name="T15" fmla="*/ 55 h 64"/>
                <a:gd name="T16" fmla="*/ 56 w 64"/>
                <a:gd name="T17" fmla="*/ 44 h 64"/>
                <a:gd name="T18" fmla="*/ 56 w 64"/>
                <a:gd name="T19" fmla="*/ 42 h 64"/>
                <a:gd name="T20" fmla="*/ 64 w 64"/>
                <a:gd name="T21" fmla="*/ 35 h 64"/>
                <a:gd name="T22" fmla="*/ 57 w 64"/>
                <a:gd name="T23" fmla="*/ 24 h 64"/>
                <a:gd name="T24" fmla="*/ 57 w 64"/>
                <a:gd name="T25" fmla="*/ 22 h 64"/>
                <a:gd name="T26" fmla="*/ 54 w 64"/>
                <a:gd name="T27" fmla="*/ 9 h 64"/>
                <a:gd name="T28" fmla="*/ 41 w 64"/>
                <a:gd name="T29" fmla="*/ 7 h 64"/>
                <a:gd name="T30" fmla="*/ 30 w 64"/>
                <a:gd name="T31" fmla="*/ 0 h 64"/>
                <a:gd name="T32" fmla="*/ 19 w 64"/>
                <a:gd name="T33" fmla="*/ 9 h 64"/>
                <a:gd name="T34" fmla="*/ 7 w 64"/>
                <a:gd name="T35" fmla="*/ 13 h 64"/>
                <a:gd name="T36" fmla="*/ 6 w 64"/>
                <a:gd name="T37" fmla="*/ 24 h 64"/>
                <a:gd name="T38" fmla="*/ 8 w 64"/>
                <a:gd name="T39" fmla="*/ 32 h 64"/>
                <a:gd name="T40" fmla="*/ 14 w 64"/>
                <a:gd name="T41" fmla="*/ 29 h 64"/>
                <a:gd name="T42" fmla="*/ 16 w 64"/>
                <a:gd name="T43" fmla="*/ 21 h 64"/>
                <a:gd name="T44" fmla="*/ 15 w 64"/>
                <a:gd name="T45" fmla="*/ 16 h 64"/>
                <a:gd name="T46" fmla="*/ 21 w 64"/>
                <a:gd name="T47" fmla="*/ 17 h 64"/>
                <a:gd name="T48" fmla="*/ 30 w 64"/>
                <a:gd name="T49" fmla="*/ 13 h 64"/>
                <a:gd name="T50" fmla="*/ 33 w 64"/>
                <a:gd name="T51" fmla="*/ 8 h 64"/>
                <a:gd name="T52" fmla="*/ 36 w 64"/>
                <a:gd name="T53" fmla="*/ 14 h 64"/>
                <a:gd name="T54" fmla="*/ 45 w 64"/>
                <a:gd name="T55" fmla="*/ 18 h 64"/>
                <a:gd name="T56" fmla="*/ 51 w 64"/>
                <a:gd name="T57" fmla="*/ 17 h 64"/>
                <a:gd name="T58" fmla="*/ 48 w 64"/>
                <a:gd name="T59" fmla="*/ 23 h 64"/>
                <a:gd name="T60" fmla="*/ 51 w 64"/>
                <a:gd name="T61" fmla="*/ 32 h 64"/>
                <a:gd name="T62" fmla="*/ 56 w 64"/>
                <a:gd name="T63" fmla="*/ 34 h 64"/>
                <a:gd name="T64" fmla="*/ 50 w 64"/>
                <a:gd name="T65" fmla="*/ 37 h 64"/>
                <a:gd name="T66" fmla="*/ 45 w 64"/>
                <a:gd name="T67" fmla="*/ 45 h 64"/>
                <a:gd name="T68" fmla="*/ 48 w 64"/>
                <a:gd name="T69" fmla="*/ 51 h 64"/>
                <a:gd name="T70" fmla="*/ 44 w 64"/>
                <a:gd name="T71" fmla="*/ 47 h 64"/>
                <a:gd name="T72" fmla="*/ 37 w 64"/>
                <a:gd name="T73" fmla="*/ 50 h 64"/>
                <a:gd name="T74" fmla="*/ 34 w 64"/>
                <a:gd name="T75" fmla="*/ 56 h 64"/>
                <a:gd name="T76" fmla="*/ 31 w 64"/>
                <a:gd name="T77" fmla="*/ 51 h 64"/>
                <a:gd name="T78" fmla="*/ 24 w 64"/>
                <a:gd name="T79" fmla="*/ 49 h 64"/>
                <a:gd name="T80" fmla="*/ 17 w 64"/>
                <a:gd name="T81" fmla="*/ 51 h 64"/>
                <a:gd name="T82" fmla="*/ 19 w 64"/>
                <a:gd name="T83" fmla="*/ 45 h 64"/>
                <a:gd name="T84" fmla="*/ 14 w 64"/>
                <a:gd name="T85" fmla="*/ 38 h 64"/>
                <a:gd name="T86" fmla="*/ 8 w 64"/>
                <a:gd name="T87" fmla="*/ 35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4" h="64">
                  <a:moveTo>
                    <a:pt x="0" y="32"/>
                  </a:moveTo>
                  <a:cubicBezTo>
                    <a:pt x="0" y="36"/>
                    <a:pt x="0" y="36"/>
                    <a:pt x="0" y="36"/>
                  </a:cubicBezTo>
                  <a:cubicBezTo>
                    <a:pt x="0" y="40"/>
                    <a:pt x="3" y="43"/>
                    <a:pt x="7" y="43"/>
                  </a:cubicBezTo>
                  <a:cubicBezTo>
                    <a:pt x="8" y="43"/>
                    <a:pt x="8" y="43"/>
                    <a:pt x="8" y="43"/>
                  </a:cubicBezTo>
                  <a:cubicBezTo>
                    <a:pt x="8" y="44"/>
                    <a:pt x="8" y="44"/>
                    <a:pt x="9" y="44"/>
                  </a:cubicBezTo>
                  <a:cubicBezTo>
                    <a:pt x="6" y="47"/>
                    <a:pt x="6" y="52"/>
                    <a:pt x="9" y="55"/>
                  </a:cubicBezTo>
                  <a:cubicBezTo>
                    <a:pt x="12" y="57"/>
                    <a:pt x="12" y="57"/>
                    <a:pt x="12" y="57"/>
                  </a:cubicBezTo>
                  <a:cubicBezTo>
                    <a:pt x="15" y="60"/>
                    <a:pt x="20" y="60"/>
                    <a:pt x="23" y="57"/>
                  </a:cubicBezTo>
                  <a:cubicBezTo>
                    <a:pt x="23" y="57"/>
                    <a:pt x="23" y="57"/>
                    <a:pt x="23" y="57"/>
                  </a:cubicBezTo>
                  <a:cubicBezTo>
                    <a:pt x="23" y="57"/>
                    <a:pt x="23" y="57"/>
                    <a:pt x="23" y="57"/>
                  </a:cubicBezTo>
                  <a:cubicBezTo>
                    <a:pt x="24" y="61"/>
                    <a:pt x="27" y="64"/>
                    <a:pt x="31" y="64"/>
                  </a:cubicBezTo>
                  <a:cubicBezTo>
                    <a:pt x="35" y="64"/>
                    <a:pt x="35" y="64"/>
                    <a:pt x="35" y="64"/>
                  </a:cubicBezTo>
                  <a:cubicBezTo>
                    <a:pt x="39" y="64"/>
                    <a:pt x="42" y="61"/>
                    <a:pt x="42" y="57"/>
                  </a:cubicBezTo>
                  <a:cubicBezTo>
                    <a:pt x="42" y="57"/>
                    <a:pt x="42" y="57"/>
                    <a:pt x="42" y="57"/>
                  </a:cubicBezTo>
                  <a:cubicBezTo>
                    <a:pt x="45" y="60"/>
                    <a:pt x="50" y="60"/>
                    <a:pt x="53" y="57"/>
                  </a:cubicBezTo>
                  <a:cubicBezTo>
                    <a:pt x="56" y="55"/>
                    <a:pt x="56" y="55"/>
                    <a:pt x="56" y="55"/>
                  </a:cubicBezTo>
                  <a:cubicBezTo>
                    <a:pt x="57" y="53"/>
                    <a:pt x="58" y="51"/>
                    <a:pt x="58" y="49"/>
                  </a:cubicBezTo>
                  <a:cubicBezTo>
                    <a:pt x="58" y="47"/>
                    <a:pt x="57" y="45"/>
                    <a:pt x="56" y="44"/>
                  </a:cubicBezTo>
                  <a:cubicBezTo>
                    <a:pt x="56" y="44"/>
                    <a:pt x="56" y="44"/>
                    <a:pt x="56" y="44"/>
                  </a:cubicBezTo>
                  <a:cubicBezTo>
                    <a:pt x="56" y="43"/>
                    <a:pt x="56" y="43"/>
                    <a:pt x="56" y="42"/>
                  </a:cubicBezTo>
                  <a:cubicBezTo>
                    <a:pt x="56" y="42"/>
                    <a:pt x="56" y="42"/>
                    <a:pt x="56" y="42"/>
                  </a:cubicBezTo>
                  <a:cubicBezTo>
                    <a:pt x="61" y="42"/>
                    <a:pt x="64" y="39"/>
                    <a:pt x="64" y="35"/>
                  </a:cubicBezTo>
                  <a:cubicBezTo>
                    <a:pt x="64" y="31"/>
                    <a:pt x="64" y="31"/>
                    <a:pt x="64" y="31"/>
                  </a:cubicBezTo>
                  <a:cubicBezTo>
                    <a:pt x="64" y="27"/>
                    <a:pt x="61" y="24"/>
                    <a:pt x="57" y="24"/>
                  </a:cubicBezTo>
                  <a:cubicBezTo>
                    <a:pt x="57" y="23"/>
                    <a:pt x="57" y="23"/>
                    <a:pt x="57" y="22"/>
                  </a:cubicBezTo>
                  <a:cubicBezTo>
                    <a:pt x="57" y="22"/>
                    <a:pt x="57" y="22"/>
                    <a:pt x="57" y="22"/>
                  </a:cubicBezTo>
                  <a:cubicBezTo>
                    <a:pt x="60" y="19"/>
                    <a:pt x="60" y="14"/>
                    <a:pt x="57" y="11"/>
                  </a:cubicBezTo>
                  <a:cubicBezTo>
                    <a:pt x="54" y="9"/>
                    <a:pt x="54" y="9"/>
                    <a:pt x="54" y="9"/>
                  </a:cubicBezTo>
                  <a:cubicBezTo>
                    <a:pt x="51" y="6"/>
                    <a:pt x="47" y="6"/>
                    <a:pt x="44" y="8"/>
                  </a:cubicBezTo>
                  <a:cubicBezTo>
                    <a:pt x="43" y="8"/>
                    <a:pt x="42" y="7"/>
                    <a:pt x="41" y="7"/>
                  </a:cubicBezTo>
                  <a:cubicBezTo>
                    <a:pt x="41" y="3"/>
                    <a:pt x="38" y="0"/>
                    <a:pt x="34" y="0"/>
                  </a:cubicBezTo>
                  <a:cubicBezTo>
                    <a:pt x="30" y="0"/>
                    <a:pt x="30" y="0"/>
                    <a:pt x="30" y="0"/>
                  </a:cubicBezTo>
                  <a:cubicBezTo>
                    <a:pt x="26" y="0"/>
                    <a:pt x="23" y="3"/>
                    <a:pt x="22" y="7"/>
                  </a:cubicBezTo>
                  <a:cubicBezTo>
                    <a:pt x="21" y="8"/>
                    <a:pt x="20" y="8"/>
                    <a:pt x="19" y="9"/>
                  </a:cubicBezTo>
                  <a:cubicBezTo>
                    <a:pt x="16" y="7"/>
                    <a:pt x="12" y="8"/>
                    <a:pt x="10" y="10"/>
                  </a:cubicBezTo>
                  <a:cubicBezTo>
                    <a:pt x="7" y="13"/>
                    <a:pt x="7" y="13"/>
                    <a:pt x="7" y="13"/>
                  </a:cubicBezTo>
                  <a:cubicBezTo>
                    <a:pt x="4" y="15"/>
                    <a:pt x="4" y="20"/>
                    <a:pt x="7" y="23"/>
                  </a:cubicBezTo>
                  <a:cubicBezTo>
                    <a:pt x="7" y="23"/>
                    <a:pt x="7" y="24"/>
                    <a:pt x="6" y="24"/>
                  </a:cubicBezTo>
                  <a:cubicBezTo>
                    <a:pt x="3" y="25"/>
                    <a:pt x="0" y="28"/>
                    <a:pt x="0" y="32"/>
                  </a:cubicBezTo>
                  <a:close/>
                  <a:moveTo>
                    <a:pt x="8" y="32"/>
                  </a:moveTo>
                  <a:cubicBezTo>
                    <a:pt x="13" y="32"/>
                    <a:pt x="13" y="32"/>
                    <a:pt x="13" y="32"/>
                  </a:cubicBezTo>
                  <a:cubicBezTo>
                    <a:pt x="14" y="29"/>
                    <a:pt x="14" y="29"/>
                    <a:pt x="14" y="29"/>
                  </a:cubicBezTo>
                  <a:cubicBezTo>
                    <a:pt x="14" y="27"/>
                    <a:pt x="14" y="25"/>
                    <a:pt x="15" y="24"/>
                  </a:cubicBezTo>
                  <a:cubicBezTo>
                    <a:pt x="16" y="21"/>
                    <a:pt x="16" y="21"/>
                    <a:pt x="16" y="21"/>
                  </a:cubicBezTo>
                  <a:cubicBezTo>
                    <a:pt x="13" y="18"/>
                    <a:pt x="13" y="18"/>
                    <a:pt x="13" y="18"/>
                  </a:cubicBezTo>
                  <a:cubicBezTo>
                    <a:pt x="15" y="16"/>
                    <a:pt x="15" y="16"/>
                    <a:pt x="15" y="16"/>
                  </a:cubicBezTo>
                  <a:cubicBezTo>
                    <a:pt x="18" y="19"/>
                    <a:pt x="18" y="19"/>
                    <a:pt x="18" y="19"/>
                  </a:cubicBezTo>
                  <a:cubicBezTo>
                    <a:pt x="21" y="17"/>
                    <a:pt x="21" y="17"/>
                    <a:pt x="21" y="17"/>
                  </a:cubicBezTo>
                  <a:cubicBezTo>
                    <a:pt x="23" y="16"/>
                    <a:pt x="25" y="15"/>
                    <a:pt x="27" y="14"/>
                  </a:cubicBezTo>
                  <a:cubicBezTo>
                    <a:pt x="30" y="13"/>
                    <a:pt x="30" y="13"/>
                    <a:pt x="30" y="13"/>
                  </a:cubicBezTo>
                  <a:cubicBezTo>
                    <a:pt x="30" y="8"/>
                    <a:pt x="30" y="8"/>
                    <a:pt x="30" y="8"/>
                  </a:cubicBezTo>
                  <a:cubicBezTo>
                    <a:pt x="33" y="8"/>
                    <a:pt x="33" y="8"/>
                    <a:pt x="33" y="8"/>
                  </a:cubicBezTo>
                  <a:cubicBezTo>
                    <a:pt x="33" y="13"/>
                    <a:pt x="33" y="13"/>
                    <a:pt x="33" y="13"/>
                  </a:cubicBezTo>
                  <a:cubicBezTo>
                    <a:pt x="36" y="14"/>
                    <a:pt x="36" y="14"/>
                    <a:pt x="36" y="14"/>
                  </a:cubicBezTo>
                  <a:cubicBezTo>
                    <a:pt x="38" y="14"/>
                    <a:pt x="40" y="15"/>
                    <a:pt x="42" y="16"/>
                  </a:cubicBezTo>
                  <a:cubicBezTo>
                    <a:pt x="45" y="18"/>
                    <a:pt x="45" y="18"/>
                    <a:pt x="45" y="18"/>
                  </a:cubicBezTo>
                  <a:cubicBezTo>
                    <a:pt x="49" y="15"/>
                    <a:pt x="49" y="15"/>
                    <a:pt x="49" y="15"/>
                  </a:cubicBezTo>
                  <a:cubicBezTo>
                    <a:pt x="51" y="17"/>
                    <a:pt x="51" y="17"/>
                    <a:pt x="51" y="17"/>
                  </a:cubicBezTo>
                  <a:cubicBezTo>
                    <a:pt x="47" y="20"/>
                    <a:pt x="47" y="20"/>
                    <a:pt x="47" y="20"/>
                  </a:cubicBezTo>
                  <a:cubicBezTo>
                    <a:pt x="48" y="23"/>
                    <a:pt x="48" y="23"/>
                    <a:pt x="48" y="23"/>
                  </a:cubicBezTo>
                  <a:cubicBezTo>
                    <a:pt x="49" y="25"/>
                    <a:pt x="50" y="26"/>
                    <a:pt x="50" y="28"/>
                  </a:cubicBezTo>
                  <a:cubicBezTo>
                    <a:pt x="51" y="32"/>
                    <a:pt x="51" y="32"/>
                    <a:pt x="51" y="32"/>
                  </a:cubicBezTo>
                  <a:cubicBezTo>
                    <a:pt x="56" y="32"/>
                    <a:pt x="56" y="32"/>
                    <a:pt x="56" y="32"/>
                  </a:cubicBezTo>
                  <a:cubicBezTo>
                    <a:pt x="56" y="34"/>
                    <a:pt x="56" y="34"/>
                    <a:pt x="56" y="34"/>
                  </a:cubicBezTo>
                  <a:cubicBezTo>
                    <a:pt x="50" y="34"/>
                    <a:pt x="50" y="34"/>
                    <a:pt x="50" y="34"/>
                  </a:cubicBezTo>
                  <a:cubicBezTo>
                    <a:pt x="50" y="37"/>
                    <a:pt x="50" y="37"/>
                    <a:pt x="50" y="37"/>
                  </a:cubicBezTo>
                  <a:cubicBezTo>
                    <a:pt x="49" y="39"/>
                    <a:pt x="48" y="41"/>
                    <a:pt x="47" y="42"/>
                  </a:cubicBezTo>
                  <a:cubicBezTo>
                    <a:pt x="45" y="45"/>
                    <a:pt x="45" y="45"/>
                    <a:pt x="45" y="45"/>
                  </a:cubicBezTo>
                  <a:cubicBezTo>
                    <a:pt x="50" y="49"/>
                    <a:pt x="50" y="49"/>
                    <a:pt x="50" y="49"/>
                  </a:cubicBezTo>
                  <a:cubicBezTo>
                    <a:pt x="48" y="51"/>
                    <a:pt x="48" y="51"/>
                    <a:pt x="48" y="51"/>
                  </a:cubicBezTo>
                  <a:cubicBezTo>
                    <a:pt x="46" y="49"/>
                    <a:pt x="46" y="49"/>
                    <a:pt x="46" y="49"/>
                  </a:cubicBezTo>
                  <a:cubicBezTo>
                    <a:pt x="44" y="47"/>
                    <a:pt x="44" y="47"/>
                    <a:pt x="44" y="47"/>
                  </a:cubicBezTo>
                  <a:cubicBezTo>
                    <a:pt x="41" y="48"/>
                    <a:pt x="41" y="48"/>
                    <a:pt x="41" y="48"/>
                  </a:cubicBezTo>
                  <a:cubicBezTo>
                    <a:pt x="40" y="49"/>
                    <a:pt x="38" y="49"/>
                    <a:pt x="37" y="50"/>
                  </a:cubicBezTo>
                  <a:cubicBezTo>
                    <a:pt x="34" y="51"/>
                    <a:pt x="34" y="51"/>
                    <a:pt x="34" y="51"/>
                  </a:cubicBezTo>
                  <a:cubicBezTo>
                    <a:pt x="34" y="56"/>
                    <a:pt x="34" y="56"/>
                    <a:pt x="34" y="56"/>
                  </a:cubicBezTo>
                  <a:cubicBezTo>
                    <a:pt x="31" y="56"/>
                    <a:pt x="31" y="56"/>
                    <a:pt x="31" y="56"/>
                  </a:cubicBezTo>
                  <a:cubicBezTo>
                    <a:pt x="31" y="51"/>
                    <a:pt x="31" y="51"/>
                    <a:pt x="31" y="51"/>
                  </a:cubicBezTo>
                  <a:cubicBezTo>
                    <a:pt x="28" y="50"/>
                    <a:pt x="28" y="50"/>
                    <a:pt x="28" y="50"/>
                  </a:cubicBezTo>
                  <a:cubicBezTo>
                    <a:pt x="27" y="50"/>
                    <a:pt x="25" y="49"/>
                    <a:pt x="24" y="49"/>
                  </a:cubicBezTo>
                  <a:cubicBezTo>
                    <a:pt x="21" y="47"/>
                    <a:pt x="21" y="47"/>
                    <a:pt x="21" y="47"/>
                  </a:cubicBezTo>
                  <a:cubicBezTo>
                    <a:pt x="17" y="51"/>
                    <a:pt x="17" y="51"/>
                    <a:pt x="17" y="51"/>
                  </a:cubicBezTo>
                  <a:cubicBezTo>
                    <a:pt x="15" y="49"/>
                    <a:pt x="15" y="49"/>
                    <a:pt x="15" y="49"/>
                  </a:cubicBezTo>
                  <a:cubicBezTo>
                    <a:pt x="19" y="45"/>
                    <a:pt x="19" y="45"/>
                    <a:pt x="19" y="45"/>
                  </a:cubicBezTo>
                  <a:cubicBezTo>
                    <a:pt x="17" y="43"/>
                    <a:pt x="17" y="43"/>
                    <a:pt x="17" y="43"/>
                  </a:cubicBezTo>
                  <a:cubicBezTo>
                    <a:pt x="16" y="41"/>
                    <a:pt x="15" y="40"/>
                    <a:pt x="14" y="38"/>
                  </a:cubicBezTo>
                  <a:cubicBezTo>
                    <a:pt x="13" y="35"/>
                    <a:pt x="13" y="35"/>
                    <a:pt x="13" y="35"/>
                  </a:cubicBezTo>
                  <a:cubicBezTo>
                    <a:pt x="8" y="35"/>
                    <a:pt x="8" y="35"/>
                    <a:pt x="8" y="35"/>
                  </a:cubicBezTo>
                  <a:lnTo>
                    <a:pt x="8" y="32"/>
                  </a:lnTo>
                  <a:close/>
                </a:path>
              </a:pathLst>
            </a:custGeom>
            <a:grpFill/>
            <a:ln w="9525">
              <a:solidFill>
                <a:schemeClr val="accent1"/>
              </a:solid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5" name="Freeform 512">
              <a:extLst>
                <a:ext uri="{FF2B5EF4-FFF2-40B4-BE49-F238E27FC236}">
                  <a16:creationId xmlns:a16="http://schemas.microsoft.com/office/drawing/2014/main" id="{8A783971-65CE-4C0C-8378-03B02411522A}"/>
                </a:ext>
              </a:extLst>
            </p:cNvPr>
            <p:cNvSpPr>
              <a:spLocks noEditPoints="1"/>
            </p:cNvSpPr>
            <p:nvPr/>
          </p:nvSpPr>
          <p:spPr bwMode="auto">
            <a:xfrm>
              <a:off x="7226300" y="5722938"/>
              <a:ext cx="92075" cy="93663"/>
            </a:xfrm>
            <a:custGeom>
              <a:avLst/>
              <a:gdLst>
                <a:gd name="T0" fmla="*/ 24 w 47"/>
                <a:gd name="T1" fmla="*/ 48 h 48"/>
                <a:gd name="T2" fmla="*/ 47 w 47"/>
                <a:gd name="T3" fmla="*/ 24 h 48"/>
                <a:gd name="T4" fmla="*/ 24 w 47"/>
                <a:gd name="T5" fmla="*/ 0 h 48"/>
                <a:gd name="T6" fmla="*/ 0 w 47"/>
                <a:gd name="T7" fmla="*/ 24 h 48"/>
                <a:gd name="T8" fmla="*/ 24 w 47"/>
                <a:gd name="T9" fmla="*/ 48 h 48"/>
                <a:gd name="T10" fmla="*/ 24 w 47"/>
                <a:gd name="T11" fmla="*/ 8 h 48"/>
                <a:gd name="T12" fmla="*/ 39 w 47"/>
                <a:gd name="T13" fmla="*/ 24 h 48"/>
                <a:gd name="T14" fmla="*/ 24 w 47"/>
                <a:gd name="T15" fmla="*/ 40 h 48"/>
                <a:gd name="T16" fmla="*/ 8 w 47"/>
                <a:gd name="T17" fmla="*/ 24 h 48"/>
                <a:gd name="T18" fmla="*/ 24 w 47"/>
                <a:gd name="T19" fmla="*/ 8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7" h="48">
                  <a:moveTo>
                    <a:pt x="24" y="48"/>
                  </a:moveTo>
                  <a:cubicBezTo>
                    <a:pt x="37" y="48"/>
                    <a:pt x="47" y="37"/>
                    <a:pt x="47" y="24"/>
                  </a:cubicBezTo>
                  <a:cubicBezTo>
                    <a:pt x="47" y="11"/>
                    <a:pt x="37" y="0"/>
                    <a:pt x="24" y="0"/>
                  </a:cubicBezTo>
                  <a:cubicBezTo>
                    <a:pt x="11" y="0"/>
                    <a:pt x="0" y="11"/>
                    <a:pt x="0" y="24"/>
                  </a:cubicBezTo>
                  <a:cubicBezTo>
                    <a:pt x="0" y="37"/>
                    <a:pt x="11" y="48"/>
                    <a:pt x="24" y="48"/>
                  </a:cubicBezTo>
                  <a:close/>
                  <a:moveTo>
                    <a:pt x="24" y="8"/>
                  </a:moveTo>
                  <a:cubicBezTo>
                    <a:pt x="32" y="8"/>
                    <a:pt x="39" y="15"/>
                    <a:pt x="39" y="24"/>
                  </a:cubicBezTo>
                  <a:cubicBezTo>
                    <a:pt x="39" y="33"/>
                    <a:pt x="32" y="40"/>
                    <a:pt x="24" y="40"/>
                  </a:cubicBezTo>
                  <a:cubicBezTo>
                    <a:pt x="15" y="40"/>
                    <a:pt x="8" y="33"/>
                    <a:pt x="8" y="24"/>
                  </a:cubicBezTo>
                  <a:cubicBezTo>
                    <a:pt x="8" y="15"/>
                    <a:pt x="15" y="8"/>
                    <a:pt x="24" y="8"/>
                  </a:cubicBezTo>
                  <a:close/>
                </a:path>
              </a:pathLst>
            </a:custGeom>
            <a:grpFill/>
            <a:ln w="9525">
              <a:solidFill>
                <a:schemeClr val="accent1"/>
              </a:solid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6" name="Freeform 513">
              <a:extLst>
                <a:ext uri="{FF2B5EF4-FFF2-40B4-BE49-F238E27FC236}">
                  <a16:creationId xmlns:a16="http://schemas.microsoft.com/office/drawing/2014/main" id="{94F9F022-36E2-4FC4-90EB-957F8A7D4855}"/>
                </a:ext>
              </a:extLst>
            </p:cNvPr>
            <p:cNvSpPr>
              <a:spLocks noEditPoints="1"/>
            </p:cNvSpPr>
            <p:nvPr/>
          </p:nvSpPr>
          <p:spPr bwMode="auto">
            <a:xfrm>
              <a:off x="7188200" y="5683250"/>
              <a:ext cx="169863" cy="171450"/>
            </a:xfrm>
            <a:custGeom>
              <a:avLst/>
              <a:gdLst>
                <a:gd name="T0" fmla="*/ 0 w 88"/>
                <a:gd name="T1" fmla="*/ 49 h 88"/>
                <a:gd name="T2" fmla="*/ 11 w 88"/>
                <a:gd name="T3" fmla="*/ 58 h 88"/>
                <a:gd name="T4" fmla="*/ 10 w 88"/>
                <a:gd name="T5" fmla="*/ 68 h 88"/>
                <a:gd name="T6" fmla="*/ 16 w 88"/>
                <a:gd name="T7" fmla="*/ 79 h 88"/>
                <a:gd name="T8" fmla="*/ 31 w 88"/>
                <a:gd name="T9" fmla="*/ 77 h 88"/>
                <a:gd name="T10" fmla="*/ 33 w 88"/>
                <a:gd name="T11" fmla="*/ 79 h 88"/>
                <a:gd name="T12" fmla="*/ 48 w 88"/>
                <a:gd name="T13" fmla="*/ 88 h 88"/>
                <a:gd name="T14" fmla="*/ 57 w 88"/>
                <a:gd name="T15" fmla="*/ 77 h 88"/>
                <a:gd name="T16" fmla="*/ 60 w 88"/>
                <a:gd name="T17" fmla="*/ 79 h 88"/>
                <a:gd name="T18" fmla="*/ 77 w 88"/>
                <a:gd name="T19" fmla="*/ 75 h 88"/>
                <a:gd name="T20" fmla="*/ 75 w 88"/>
                <a:gd name="T21" fmla="*/ 61 h 88"/>
                <a:gd name="T22" fmla="*/ 78 w 88"/>
                <a:gd name="T23" fmla="*/ 57 h 88"/>
                <a:gd name="T24" fmla="*/ 88 w 88"/>
                <a:gd name="T25" fmla="*/ 43 h 88"/>
                <a:gd name="T26" fmla="*/ 78 w 88"/>
                <a:gd name="T27" fmla="*/ 34 h 88"/>
                <a:gd name="T28" fmla="*/ 78 w 88"/>
                <a:gd name="T29" fmla="*/ 29 h 88"/>
                <a:gd name="T30" fmla="*/ 74 w 88"/>
                <a:gd name="T31" fmla="*/ 12 h 88"/>
                <a:gd name="T32" fmla="*/ 61 w 88"/>
                <a:gd name="T33" fmla="*/ 12 h 88"/>
                <a:gd name="T34" fmla="*/ 56 w 88"/>
                <a:gd name="T35" fmla="*/ 9 h 88"/>
                <a:gd name="T36" fmla="*/ 41 w 88"/>
                <a:gd name="T37" fmla="*/ 0 h 88"/>
                <a:gd name="T38" fmla="*/ 32 w 88"/>
                <a:gd name="T39" fmla="*/ 10 h 88"/>
                <a:gd name="T40" fmla="*/ 14 w 88"/>
                <a:gd name="T41" fmla="*/ 14 h 88"/>
                <a:gd name="T42" fmla="*/ 10 w 88"/>
                <a:gd name="T43" fmla="*/ 31 h 88"/>
                <a:gd name="T44" fmla="*/ 9 w 88"/>
                <a:gd name="T45" fmla="*/ 35 h 88"/>
                <a:gd name="T46" fmla="*/ 16 w 88"/>
                <a:gd name="T47" fmla="*/ 43 h 88"/>
                <a:gd name="T48" fmla="*/ 19 w 88"/>
                <a:gd name="T49" fmla="*/ 32 h 88"/>
                <a:gd name="T50" fmla="*/ 16 w 88"/>
                <a:gd name="T51" fmla="*/ 25 h 88"/>
                <a:gd name="T52" fmla="*/ 19 w 88"/>
                <a:gd name="T53" fmla="*/ 20 h 88"/>
                <a:gd name="T54" fmla="*/ 25 w 88"/>
                <a:gd name="T55" fmla="*/ 23 h 88"/>
                <a:gd name="T56" fmla="*/ 37 w 88"/>
                <a:gd name="T57" fmla="*/ 17 h 88"/>
                <a:gd name="T58" fmla="*/ 40 w 88"/>
                <a:gd name="T59" fmla="*/ 9 h 88"/>
                <a:gd name="T60" fmla="*/ 46 w 88"/>
                <a:gd name="T61" fmla="*/ 8 h 88"/>
                <a:gd name="T62" fmla="*/ 48 w 88"/>
                <a:gd name="T63" fmla="*/ 16 h 88"/>
                <a:gd name="T64" fmla="*/ 59 w 88"/>
                <a:gd name="T65" fmla="*/ 21 h 88"/>
                <a:gd name="T66" fmla="*/ 67 w 88"/>
                <a:gd name="T67" fmla="*/ 18 h 88"/>
                <a:gd name="T68" fmla="*/ 72 w 88"/>
                <a:gd name="T69" fmla="*/ 22 h 88"/>
                <a:gd name="T70" fmla="*/ 67 w 88"/>
                <a:gd name="T71" fmla="*/ 28 h 88"/>
                <a:gd name="T72" fmla="*/ 71 w 88"/>
                <a:gd name="T73" fmla="*/ 38 h 88"/>
                <a:gd name="T74" fmla="*/ 78 w 88"/>
                <a:gd name="T75" fmla="*/ 42 h 88"/>
                <a:gd name="T76" fmla="*/ 80 w 88"/>
                <a:gd name="T77" fmla="*/ 48 h 88"/>
                <a:gd name="T78" fmla="*/ 71 w 88"/>
                <a:gd name="T79" fmla="*/ 49 h 88"/>
                <a:gd name="T80" fmla="*/ 67 w 88"/>
                <a:gd name="T81" fmla="*/ 59 h 88"/>
                <a:gd name="T82" fmla="*/ 71 w 88"/>
                <a:gd name="T83" fmla="*/ 68 h 88"/>
                <a:gd name="T84" fmla="*/ 67 w 88"/>
                <a:gd name="T85" fmla="*/ 73 h 88"/>
                <a:gd name="T86" fmla="*/ 60 w 88"/>
                <a:gd name="T87" fmla="*/ 67 h 88"/>
                <a:gd name="T88" fmla="*/ 52 w 88"/>
                <a:gd name="T89" fmla="*/ 71 h 88"/>
                <a:gd name="T90" fmla="*/ 49 w 88"/>
                <a:gd name="T91" fmla="*/ 79 h 88"/>
                <a:gd name="T92" fmla="*/ 42 w 88"/>
                <a:gd name="T93" fmla="*/ 80 h 88"/>
                <a:gd name="T94" fmla="*/ 41 w 88"/>
                <a:gd name="T95" fmla="*/ 72 h 88"/>
                <a:gd name="T96" fmla="*/ 31 w 88"/>
                <a:gd name="T97" fmla="*/ 69 h 88"/>
                <a:gd name="T98" fmla="*/ 24 w 88"/>
                <a:gd name="T99" fmla="*/ 73 h 88"/>
                <a:gd name="T100" fmla="*/ 18 w 88"/>
                <a:gd name="T101" fmla="*/ 69 h 88"/>
                <a:gd name="T102" fmla="*/ 18 w 88"/>
                <a:gd name="T103" fmla="*/ 68 h 88"/>
                <a:gd name="T104" fmla="*/ 21 w 88"/>
                <a:gd name="T105" fmla="*/ 60 h 88"/>
                <a:gd name="T106" fmla="*/ 16 w 88"/>
                <a:gd name="T107" fmla="*/ 50 h 88"/>
                <a:gd name="T108" fmla="*/ 8 w 88"/>
                <a:gd name="T109" fmla="*/ 49 h 88"/>
                <a:gd name="T110" fmla="*/ 9 w 88"/>
                <a:gd name="T111" fmla="*/ 43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88" h="88">
                  <a:moveTo>
                    <a:pt x="0" y="44"/>
                  </a:moveTo>
                  <a:cubicBezTo>
                    <a:pt x="0" y="49"/>
                    <a:pt x="0" y="49"/>
                    <a:pt x="0" y="49"/>
                  </a:cubicBezTo>
                  <a:cubicBezTo>
                    <a:pt x="0" y="54"/>
                    <a:pt x="4" y="58"/>
                    <a:pt x="9" y="58"/>
                  </a:cubicBezTo>
                  <a:cubicBezTo>
                    <a:pt x="11" y="58"/>
                    <a:pt x="11" y="58"/>
                    <a:pt x="11" y="58"/>
                  </a:cubicBezTo>
                  <a:cubicBezTo>
                    <a:pt x="11" y="60"/>
                    <a:pt x="12" y="61"/>
                    <a:pt x="13" y="62"/>
                  </a:cubicBezTo>
                  <a:cubicBezTo>
                    <a:pt x="11" y="64"/>
                    <a:pt x="10" y="66"/>
                    <a:pt x="10" y="68"/>
                  </a:cubicBezTo>
                  <a:cubicBezTo>
                    <a:pt x="10" y="71"/>
                    <a:pt x="11" y="73"/>
                    <a:pt x="13" y="75"/>
                  </a:cubicBezTo>
                  <a:cubicBezTo>
                    <a:pt x="16" y="79"/>
                    <a:pt x="16" y="79"/>
                    <a:pt x="16" y="79"/>
                  </a:cubicBezTo>
                  <a:cubicBezTo>
                    <a:pt x="20" y="82"/>
                    <a:pt x="26" y="82"/>
                    <a:pt x="29" y="79"/>
                  </a:cubicBezTo>
                  <a:cubicBezTo>
                    <a:pt x="31" y="77"/>
                    <a:pt x="31" y="77"/>
                    <a:pt x="31" y="77"/>
                  </a:cubicBezTo>
                  <a:cubicBezTo>
                    <a:pt x="31" y="78"/>
                    <a:pt x="32" y="78"/>
                    <a:pt x="33" y="78"/>
                  </a:cubicBezTo>
                  <a:cubicBezTo>
                    <a:pt x="33" y="79"/>
                    <a:pt x="33" y="79"/>
                    <a:pt x="33" y="79"/>
                  </a:cubicBezTo>
                  <a:cubicBezTo>
                    <a:pt x="33" y="84"/>
                    <a:pt x="37" y="88"/>
                    <a:pt x="42" y="88"/>
                  </a:cubicBezTo>
                  <a:cubicBezTo>
                    <a:pt x="48" y="88"/>
                    <a:pt x="48" y="88"/>
                    <a:pt x="48" y="88"/>
                  </a:cubicBezTo>
                  <a:cubicBezTo>
                    <a:pt x="53" y="88"/>
                    <a:pt x="57" y="84"/>
                    <a:pt x="57" y="79"/>
                  </a:cubicBezTo>
                  <a:cubicBezTo>
                    <a:pt x="57" y="77"/>
                    <a:pt x="57" y="77"/>
                    <a:pt x="57" y="77"/>
                  </a:cubicBezTo>
                  <a:cubicBezTo>
                    <a:pt x="57" y="77"/>
                    <a:pt x="58" y="77"/>
                    <a:pt x="58" y="77"/>
                  </a:cubicBezTo>
                  <a:cubicBezTo>
                    <a:pt x="60" y="79"/>
                    <a:pt x="60" y="79"/>
                    <a:pt x="60" y="79"/>
                  </a:cubicBezTo>
                  <a:cubicBezTo>
                    <a:pt x="63" y="82"/>
                    <a:pt x="69" y="82"/>
                    <a:pt x="73" y="79"/>
                  </a:cubicBezTo>
                  <a:cubicBezTo>
                    <a:pt x="77" y="75"/>
                    <a:pt x="77" y="75"/>
                    <a:pt x="77" y="75"/>
                  </a:cubicBezTo>
                  <a:cubicBezTo>
                    <a:pt x="80" y="72"/>
                    <a:pt x="80" y="66"/>
                    <a:pt x="77" y="62"/>
                  </a:cubicBezTo>
                  <a:cubicBezTo>
                    <a:pt x="75" y="61"/>
                    <a:pt x="75" y="61"/>
                    <a:pt x="75" y="61"/>
                  </a:cubicBezTo>
                  <a:cubicBezTo>
                    <a:pt x="76" y="60"/>
                    <a:pt x="77" y="59"/>
                    <a:pt x="77" y="57"/>
                  </a:cubicBezTo>
                  <a:cubicBezTo>
                    <a:pt x="78" y="57"/>
                    <a:pt x="78" y="57"/>
                    <a:pt x="78" y="57"/>
                  </a:cubicBezTo>
                  <a:cubicBezTo>
                    <a:pt x="83" y="57"/>
                    <a:pt x="88" y="53"/>
                    <a:pt x="88" y="48"/>
                  </a:cubicBezTo>
                  <a:cubicBezTo>
                    <a:pt x="88" y="43"/>
                    <a:pt x="88" y="43"/>
                    <a:pt x="88" y="43"/>
                  </a:cubicBezTo>
                  <a:cubicBezTo>
                    <a:pt x="88" y="38"/>
                    <a:pt x="83" y="34"/>
                    <a:pt x="78" y="34"/>
                  </a:cubicBezTo>
                  <a:cubicBezTo>
                    <a:pt x="78" y="34"/>
                    <a:pt x="78" y="34"/>
                    <a:pt x="78" y="34"/>
                  </a:cubicBezTo>
                  <a:cubicBezTo>
                    <a:pt x="78" y="32"/>
                    <a:pt x="77" y="31"/>
                    <a:pt x="77" y="30"/>
                  </a:cubicBezTo>
                  <a:cubicBezTo>
                    <a:pt x="78" y="29"/>
                    <a:pt x="78" y="29"/>
                    <a:pt x="78" y="29"/>
                  </a:cubicBezTo>
                  <a:cubicBezTo>
                    <a:pt x="81" y="25"/>
                    <a:pt x="81" y="19"/>
                    <a:pt x="78" y="16"/>
                  </a:cubicBezTo>
                  <a:cubicBezTo>
                    <a:pt x="74" y="12"/>
                    <a:pt x="74" y="12"/>
                    <a:pt x="74" y="12"/>
                  </a:cubicBezTo>
                  <a:cubicBezTo>
                    <a:pt x="70" y="9"/>
                    <a:pt x="64" y="9"/>
                    <a:pt x="61" y="12"/>
                  </a:cubicBezTo>
                  <a:cubicBezTo>
                    <a:pt x="61" y="12"/>
                    <a:pt x="61" y="12"/>
                    <a:pt x="61" y="12"/>
                  </a:cubicBezTo>
                  <a:cubicBezTo>
                    <a:pt x="59" y="11"/>
                    <a:pt x="57" y="11"/>
                    <a:pt x="56" y="10"/>
                  </a:cubicBezTo>
                  <a:cubicBezTo>
                    <a:pt x="56" y="9"/>
                    <a:pt x="56" y="9"/>
                    <a:pt x="56" y="9"/>
                  </a:cubicBezTo>
                  <a:cubicBezTo>
                    <a:pt x="56" y="4"/>
                    <a:pt x="51" y="0"/>
                    <a:pt x="46" y="0"/>
                  </a:cubicBezTo>
                  <a:cubicBezTo>
                    <a:pt x="41" y="0"/>
                    <a:pt x="41" y="0"/>
                    <a:pt x="41" y="0"/>
                  </a:cubicBezTo>
                  <a:cubicBezTo>
                    <a:pt x="36" y="0"/>
                    <a:pt x="32" y="4"/>
                    <a:pt x="32" y="9"/>
                  </a:cubicBezTo>
                  <a:cubicBezTo>
                    <a:pt x="32" y="10"/>
                    <a:pt x="32" y="10"/>
                    <a:pt x="32" y="10"/>
                  </a:cubicBezTo>
                  <a:cubicBezTo>
                    <a:pt x="30" y="11"/>
                    <a:pt x="27" y="12"/>
                    <a:pt x="25" y="13"/>
                  </a:cubicBezTo>
                  <a:cubicBezTo>
                    <a:pt x="22" y="10"/>
                    <a:pt x="17" y="11"/>
                    <a:pt x="14" y="14"/>
                  </a:cubicBezTo>
                  <a:cubicBezTo>
                    <a:pt x="10" y="18"/>
                    <a:pt x="10" y="18"/>
                    <a:pt x="10" y="18"/>
                  </a:cubicBezTo>
                  <a:cubicBezTo>
                    <a:pt x="6" y="21"/>
                    <a:pt x="6" y="27"/>
                    <a:pt x="10" y="31"/>
                  </a:cubicBezTo>
                  <a:cubicBezTo>
                    <a:pt x="10" y="31"/>
                    <a:pt x="10" y="31"/>
                    <a:pt x="10" y="31"/>
                  </a:cubicBezTo>
                  <a:cubicBezTo>
                    <a:pt x="10" y="32"/>
                    <a:pt x="9" y="34"/>
                    <a:pt x="9" y="35"/>
                  </a:cubicBezTo>
                  <a:cubicBezTo>
                    <a:pt x="4" y="35"/>
                    <a:pt x="0" y="39"/>
                    <a:pt x="0" y="44"/>
                  </a:cubicBezTo>
                  <a:close/>
                  <a:moveTo>
                    <a:pt x="16" y="43"/>
                  </a:moveTo>
                  <a:cubicBezTo>
                    <a:pt x="16" y="39"/>
                    <a:pt x="16" y="39"/>
                    <a:pt x="16" y="39"/>
                  </a:cubicBezTo>
                  <a:cubicBezTo>
                    <a:pt x="17" y="37"/>
                    <a:pt x="17" y="34"/>
                    <a:pt x="19" y="32"/>
                  </a:cubicBezTo>
                  <a:cubicBezTo>
                    <a:pt x="20" y="29"/>
                    <a:pt x="20" y="29"/>
                    <a:pt x="20" y="29"/>
                  </a:cubicBezTo>
                  <a:cubicBezTo>
                    <a:pt x="16" y="25"/>
                    <a:pt x="16" y="25"/>
                    <a:pt x="16" y="25"/>
                  </a:cubicBezTo>
                  <a:cubicBezTo>
                    <a:pt x="15" y="25"/>
                    <a:pt x="15" y="24"/>
                    <a:pt x="16" y="23"/>
                  </a:cubicBezTo>
                  <a:cubicBezTo>
                    <a:pt x="19" y="20"/>
                    <a:pt x="19" y="20"/>
                    <a:pt x="19" y="20"/>
                  </a:cubicBezTo>
                  <a:cubicBezTo>
                    <a:pt x="20" y="19"/>
                    <a:pt x="20" y="19"/>
                    <a:pt x="21" y="20"/>
                  </a:cubicBezTo>
                  <a:cubicBezTo>
                    <a:pt x="25" y="23"/>
                    <a:pt x="25" y="23"/>
                    <a:pt x="25" y="23"/>
                  </a:cubicBezTo>
                  <a:cubicBezTo>
                    <a:pt x="27" y="21"/>
                    <a:pt x="27" y="21"/>
                    <a:pt x="27" y="21"/>
                  </a:cubicBezTo>
                  <a:cubicBezTo>
                    <a:pt x="30" y="19"/>
                    <a:pt x="33" y="18"/>
                    <a:pt x="37" y="17"/>
                  </a:cubicBezTo>
                  <a:cubicBezTo>
                    <a:pt x="40" y="16"/>
                    <a:pt x="40" y="16"/>
                    <a:pt x="40" y="16"/>
                  </a:cubicBezTo>
                  <a:cubicBezTo>
                    <a:pt x="40" y="9"/>
                    <a:pt x="40" y="9"/>
                    <a:pt x="40" y="9"/>
                  </a:cubicBezTo>
                  <a:cubicBezTo>
                    <a:pt x="40" y="9"/>
                    <a:pt x="40" y="8"/>
                    <a:pt x="41" y="8"/>
                  </a:cubicBezTo>
                  <a:cubicBezTo>
                    <a:pt x="46" y="8"/>
                    <a:pt x="46" y="8"/>
                    <a:pt x="46" y="8"/>
                  </a:cubicBezTo>
                  <a:cubicBezTo>
                    <a:pt x="47" y="8"/>
                    <a:pt x="48" y="9"/>
                    <a:pt x="48" y="9"/>
                  </a:cubicBezTo>
                  <a:cubicBezTo>
                    <a:pt x="48" y="16"/>
                    <a:pt x="48" y="16"/>
                    <a:pt x="48" y="16"/>
                  </a:cubicBezTo>
                  <a:cubicBezTo>
                    <a:pt x="51" y="17"/>
                    <a:pt x="51" y="17"/>
                    <a:pt x="51" y="17"/>
                  </a:cubicBezTo>
                  <a:cubicBezTo>
                    <a:pt x="54" y="18"/>
                    <a:pt x="57" y="19"/>
                    <a:pt x="59" y="21"/>
                  </a:cubicBezTo>
                  <a:cubicBezTo>
                    <a:pt x="62" y="22"/>
                    <a:pt x="62" y="22"/>
                    <a:pt x="62" y="22"/>
                  </a:cubicBezTo>
                  <a:cubicBezTo>
                    <a:pt x="67" y="18"/>
                    <a:pt x="67" y="18"/>
                    <a:pt x="67" y="18"/>
                  </a:cubicBezTo>
                  <a:cubicBezTo>
                    <a:pt x="67" y="17"/>
                    <a:pt x="68" y="17"/>
                    <a:pt x="68" y="18"/>
                  </a:cubicBezTo>
                  <a:cubicBezTo>
                    <a:pt x="72" y="22"/>
                    <a:pt x="72" y="22"/>
                    <a:pt x="72" y="22"/>
                  </a:cubicBezTo>
                  <a:cubicBezTo>
                    <a:pt x="72" y="22"/>
                    <a:pt x="72" y="23"/>
                    <a:pt x="72" y="23"/>
                  </a:cubicBezTo>
                  <a:cubicBezTo>
                    <a:pt x="67" y="28"/>
                    <a:pt x="67" y="28"/>
                    <a:pt x="67" y="28"/>
                  </a:cubicBezTo>
                  <a:cubicBezTo>
                    <a:pt x="68" y="31"/>
                    <a:pt x="68" y="31"/>
                    <a:pt x="68" y="31"/>
                  </a:cubicBezTo>
                  <a:cubicBezTo>
                    <a:pt x="70" y="33"/>
                    <a:pt x="71" y="36"/>
                    <a:pt x="71" y="38"/>
                  </a:cubicBezTo>
                  <a:cubicBezTo>
                    <a:pt x="72" y="42"/>
                    <a:pt x="72" y="42"/>
                    <a:pt x="72" y="42"/>
                  </a:cubicBezTo>
                  <a:cubicBezTo>
                    <a:pt x="78" y="42"/>
                    <a:pt x="78" y="42"/>
                    <a:pt x="78" y="42"/>
                  </a:cubicBezTo>
                  <a:cubicBezTo>
                    <a:pt x="79" y="42"/>
                    <a:pt x="80" y="42"/>
                    <a:pt x="80" y="43"/>
                  </a:cubicBezTo>
                  <a:cubicBezTo>
                    <a:pt x="80" y="48"/>
                    <a:pt x="80" y="48"/>
                    <a:pt x="80" y="48"/>
                  </a:cubicBezTo>
                  <a:cubicBezTo>
                    <a:pt x="80" y="49"/>
                    <a:pt x="79" y="49"/>
                    <a:pt x="78" y="49"/>
                  </a:cubicBezTo>
                  <a:cubicBezTo>
                    <a:pt x="71" y="49"/>
                    <a:pt x="71" y="49"/>
                    <a:pt x="71" y="49"/>
                  </a:cubicBezTo>
                  <a:cubicBezTo>
                    <a:pt x="71" y="52"/>
                    <a:pt x="71" y="52"/>
                    <a:pt x="71" y="52"/>
                  </a:cubicBezTo>
                  <a:cubicBezTo>
                    <a:pt x="70" y="55"/>
                    <a:pt x="69" y="57"/>
                    <a:pt x="67" y="59"/>
                  </a:cubicBezTo>
                  <a:cubicBezTo>
                    <a:pt x="65" y="62"/>
                    <a:pt x="65" y="62"/>
                    <a:pt x="65" y="62"/>
                  </a:cubicBezTo>
                  <a:cubicBezTo>
                    <a:pt x="71" y="68"/>
                    <a:pt x="71" y="68"/>
                    <a:pt x="71" y="68"/>
                  </a:cubicBezTo>
                  <a:cubicBezTo>
                    <a:pt x="71" y="68"/>
                    <a:pt x="71" y="69"/>
                    <a:pt x="71" y="69"/>
                  </a:cubicBezTo>
                  <a:cubicBezTo>
                    <a:pt x="67" y="73"/>
                    <a:pt x="67" y="73"/>
                    <a:pt x="67" y="73"/>
                  </a:cubicBezTo>
                  <a:cubicBezTo>
                    <a:pt x="66" y="74"/>
                    <a:pt x="66" y="74"/>
                    <a:pt x="66" y="73"/>
                  </a:cubicBezTo>
                  <a:cubicBezTo>
                    <a:pt x="60" y="67"/>
                    <a:pt x="60" y="67"/>
                    <a:pt x="60" y="67"/>
                  </a:cubicBezTo>
                  <a:cubicBezTo>
                    <a:pt x="57" y="69"/>
                    <a:pt x="57" y="69"/>
                    <a:pt x="57" y="69"/>
                  </a:cubicBezTo>
                  <a:cubicBezTo>
                    <a:pt x="55" y="69"/>
                    <a:pt x="53" y="70"/>
                    <a:pt x="52" y="71"/>
                  </a:cubicBezTo>
                  <a:cubicBezTo>
                    <a:pt x="49" y="72"/>
                    <a:pt x="49" y="72"/>
                    <a:pt x="49" y="72"/>
                  </a:cubicBezTo>
                  <a:cubicBezTo>
                    <a:pt x="49" y="79"/>
                    <a:pt x="49" y="79"/>
                    <a:pt x="49" y="79"/>
                  </a:cubicBezTo>
                  <a:cubicBezTo>
                    <a:pt x="49" y="79"/>
                    <a:pt x="48" y="80"/>
                    <a:pt x="48" y="80"/>
                  </a:cubicBezTo>
                  <a:cubicBezTo>
                    <a:pt x="42" y="80"/>
                    <a:pt x="42" y="80"/>
                    <a:pt x="42" y="80"/>
                  </a:cubicBezTo>
                  <a:cubicBezTo>
                    <a:pt x="42" y="80"/>
                    <a:pt x="41" y="79"/>
                    <a:pt x="41" y="79"/>
                  </a:cubicBezTo>
                  <a:cubicBezTo>
                    <a:pt x="41" y="72"/>
                    <a:pt x="41" y="72"/>
                    <a:pt x="41" y="72"/>
                  </a:cubicBezTo>
                  <a:cubicBezTo>
                    <a:pt x="38" y="71"/>
                    <a:pt x="38" y="71"/>
                    <a:pt x="38" y="71"/>
                  </a:cubicBezTo>
                  <a:cubicBezTo>
                    <a:pt x="36" y="71"/>
                    <a:pt x="34" y="70"/>
                    <a:pt x="31" y="69"/>
                  </a:cubicBezTo>
                  <a:cubicBezTo>
                    <a:pt x="29" y="68"/>
                    <a:pt x="29" y="68"/>
                    <a:pt x="29" y="68"/>
                  </a:cubicBezTo>
                  <a:cubicBezTo>
                    <a:pt x="24" y="73"/>
                    <a:pt x="24" y="73"/>
                    <a:pt x="24" y="73"/>
                  </a:cubicBezTo>
                  <a:cubicBezTo>
                    <a:pt x="23" y="74"/>
                    <a:pt x="23" y="74"/>
                    <a:pt x="22" y="73"/>
                  </a:cubicBezTo>
                  <a:cubicBezTo>
                    <a:pt x="18" y="69"/>
                    <a:pt x="18" y="69"/>
                    <a:pt x="18" y="69"/>
                  </a:cubicBezTo>
                  <a:cubicBezTo>
                    <a:pt x="18" y="69"/>
                    <a:pt x="18" y="69"/>
                    <a:pt x="18" y="68"/>
                  </a:cubicBezTo>
                  <a:cubicBezTo>
                    <a:pt x="18" y="68"/>
                    <a:pt x="18" y="68"/>
                    <a:pt x="18" y="68"/>
                  </a:cubicBezTo>
                  <a:cubicBezTo>
                    <a:pt x="23" y="63"/>
                    <a:pt x="23" y="63"/>
                    <a:pt x="23" y="63"/>
                  </a:cubicBezTo>
                  <a:cubicBezTo>
                    <a:pt x="21" y="60"/>
                    <a:pt x="21" y="60"/>
                    <a:pt x="21" y="60"/>
                  </a:cubicBezTo>
                  <a:cubicBezTo>
                    <a:pt x="19" y="58"/>
                    <a:pt x="18" y="56"/>
                    <a:pt x="17" y="53"/>
                  </a:cubicBezTo>
                  <a:cubicBezTo>
                    <a:pt x="16" y="50"/>
                    <a:pt x="16" y="50"/>
                    <a:pt x="16" y="50"/>
                  </a:cubicBezTo>
                  <a:cubicBezTo>
                    <a:pt x="9" y="50"/>
                    <a:pt x="9" y="50"/>
                    <a:pt x="9" y="50"/>
                  </a:cubicBezTo>
                  <a:cubicBezTo>
                    <a:pt x="8" y="50"/>
                    <a:pt x="8" y="50"/>
                    <a:pt x="8" y="49"/>
                  </a:cubicBezTo>
                  <a:cubicBezTo>
                    <a:pt x="8" y="44"/>
                    <a:pt x="8" y="44"/>
                    <a:pt x="8" y="44"/>
                  </a:cubicBezTo>
                  <a:cubicBezTo>
                    <a:pt x="8" y="43"/>
                    <a:pt x="8" y="43"/>
                    <a:pt x="9" y="43"/>
                  </a:cubicBezTo>
                  <a:lnTo>
                    <a:pt x="16" y="43"/>
                  </a:lnTo>
                  <a:close/>
                </a:path>
              </a:pathLst>
            </a:custGeom>
            <a:grpFill/>
            <a:ln w="9525">
              <a:solidFill>
                <a:schemeClr val="accent1"/>
              </a:solidFill>
              <a:round/>
              <a:headEnd/>
              <a:tailEnd/>
            </a:ln>
          </p:spPr>
          <p:txBody>
            <a:bodyPr vert="horz" wrap="square" lIns="91440" tIns="45720" rIns="91440" bIns="45720" numCol="1" anchor="t" anchorCtr="0" compatLnSpc="1">
              <a:prstTxWarp prst="textNoShape">
                <a:avLst/>
              </a:prstTxWarp>
            </a:bodyPr>
            <a:lstStyle/>
            <a:p>
              <a:endParaRPr lang="en-US"/>
            </a:p>
          </p:txBody>
        </p:sp>
      </p:grpSp>
    </p:spTree>
    <p:custDataLst>
      <p:tags r:id="rId1"/>
    </p:custDataLst>
    <p:extLst>
      <p:ext uri="{BB962C8B-B14F-4D97-AF65-F5344CB8AC3E}">
        <p14:creationId xmlns:p14="http://schemas.microsoft.com/office/powerpoint/2010/main" val="236414354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itle 10">
            <a:extLst>
              <a:ext uri="{FF2B5EF4-FFF2-40B4-BE49-F238E27FC236}">
                <a16:creationId xmlns:a16="http://schemas.microsoft.com/office/drawing/2014/main" id="{54944536-53CE-4B7C-A578-2A21EDB86A20}"/>
              </a:ext>
            </a:extLst>
          </p:cNvPr>
          <p:cNvSpPr>
            <a:spLocks noGrp="1"/>
          </p:cNvSpPr>
          <p:nvPr>
            <p:ph type="title" idx="10"/>
          </p:nvPr>
        </p:nvSpPr>
        <p:spPr/>
        <p:txBody>
          <a:bodyPr/>
          <a:lstStyle/>
          <a:p>
            <a:r>
              <a:rPr lang="en-US" sz="4400" dirty="0"/>
              <a:t>Questions?</a:t>
            </a:r>
          </a:p>
        </p:txBody>
      </p:sp>
      <p:sp>
        <p:nvSpPr>
          <p:cNvPr id="12" name="Subtitle 11">
            <a:extLst>
              <a:ext uri="{FF2B5EF4-FFF2-40B4-BE49-F238E27FC236}">
                <a16:creationId xmlns:a16="http://schemas.microsoft.com/office/drawing/2014/main" id="{7EB10375-31D3-40A9-94FF-61CFE75014F3}"/>
              </a:ext>
            </a:extLst>
          </p:cNvPr>
          <p:cNvSpPr>
            <a:spLocks noGrp="1"/>
          </p:cNvSpPr>
          <p:nvPr>
            <p:ph type="subTitle" idx="11"/>
          </p:nvPr>
        </p:nvSpPr>
        <p:spPr>
          <a:xfrm>
            <a:off x="694944" y="5952744"/>
            <a:ext cx="4379976" cy="384048"/>
          </a:xfrm>
        </p:spPr>
        <p:txBody>
          <a:bodyPr/>
          <a:lstStyle/>
          <a:p>
            <a:r>
              <a:rPr lang="en-US" sz="2000" dirty="0"/>
              <a:t>Contact us at tech.for.social.good@jpmorgan.com</a:t>
            </a:r>
          </a:p>
        </p:txBody>
      </p:sp>
      <p:sp>
        <p:nvSpPr>
          <p:cNvPr id="4" name="Rectangle 3">
            <a:extLst>
              <a:ext uri="{FF2B5EF4-FFF2-40B4-BE49-F238E27FC236}">
                <a16:creationId xmlns:a16="http://schemas.microsoft.com/office/drawing/2014/main" id="{86891261-F9D4-4BBF-B492-D02729A70A28}"/>
              </a:ext>
            </a:extLst>
          </p:cNvPr>
          <p:cNvSpPr>
            <a:spLocks noChangeAspect="1"/>
          </p:cNvSpPr>
          <p:nvPr>
            <p:custDataLst>
              <p:tags r:id="rId2"/>
            </p:custDataLst>
          </p:nvPr>
        </p:nvSpPr>
        <p:spPr>
          <a:xfrm>
            <a:off x="9866375" y="7443216"/>
            <a:ext cx="4078225" cy="274320"/>
          </a:xfrm>
          <a:prstGeom prst="rect">
            <a:avLst/>
          </a:prstGeom>
          <a:blipFill>
            <a:blip r:embed="rId4"/>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Tree>
    <p:custDataLst>
      <p:tags r:id="rId1"/>
    </p:custDataLst>
    <p:extLst>
      <p:ext uri="{BB962C8B-B14F-4D97-AF65-F5344CB8AC3E}">
        <p14:creationId xmlns:p14="http://schemas.microsoft.com/office/powerpoint/2010/main" val="1356983278"/>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A3F9D42-09F9-4128-BD21-B64DD1215151}"/>
              </a:ext>
            </a:extLst>
          </p:cNvPr>
          <p:cNvSpPr>
            <a:spLocks noGrp="1"/>
          </p:cNvSpPr>
          <p:nvPr>
            <p:ph type="title"/>
          </p:nvPr>
        </p:nvSpPr>
        <p:spPr/>
        <p:txBody>
          <a:bodyPr/>
          <a:lstStyle/>
          <a:p>
            <a:r>
              <a:rPr lang="en-US" sz="2800" dirty="0"/>
              <a:t>Legal Disclaimer</a:t>
            </a:r>
          </a:p>
        </p:txBody>
      </p:sp>
      <p:sp>
        <p:nvSpPr>
          <p:cNvPr id="3" name="Content Placeholder 2">
            <a:extLst>
              <a:ext uri="{FF2B5EF4-FFF2-40B4-BE49-F238E27FC236}">
                <a16:creationId xmlns:a16="http://schemas.microsoft.com/office/drawing/2014/main" id="{99634472-CBCD-4544-8F79-C3F7BD0F67F1}"/>
              </a:ext>
            </a:extLst>
          </p:cNvPr>
          <p:cNvSpPr>
            <a:spLocks noGrp="1"/>
          </p:cNvSpPr>
          <p:nvPr>
            <p:ph idx="10"/>
          </p:nvPr>
        </p:nvSpPr>
        <p:spPr>
          <a:xfrm>
            <a:off x="694944" y="1741932"/>
            <a:ext cx="13249656" cy="4745736"/>
          </a:xfrm>
        </p:spPr>
        <p:txBody>
          <a:bodyPr/>
          <a:lstStyle/>
          <a:p>
            <a:r>
              <a:rPr lang="en-US" sz="2000" dirty="0">
                <a:ea typeface="Calibri" panose="020F0502020204030204" pitchFamily="34" charset="0"/>
              </a:rPr>
              <a:t>The information included herein should never be used as a substitute for an organization’s technical and/or operational judgment and does not represent an official position of JPMorgan Chase Bank, N.A. or its affiliates. This information is provided on an "as is" basis without warranty of any kind, express or implied. </a:t>
            </a:r>
            <a:endParaRPr lang="en-US" sz="2000" dirty="0"/>
          </a:p>
        </p:txBody>
      </p:sp>
    </p:spTree>
    <p:custDataLst>
      <p:tags r:id="rId1"/>
    </p:custDataLst>
    <p:extLst>
      <p:ext uri="{BB962C8B-B14F-4D97-AF65-F5344CB8AC3E}">
        <p14:creationId xmlns:p14="http://schemas.microsoft.com/office/powerpoint/2010/main" val="380565319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25FE6BE4-63CE-4C04-9938-CAF3262750AB}"/>
              </a:ext>
            </a:extLst>
          </p:cNvPr>
          <p:cNvSpPr>
            <a:spLocks noGrp="1"/>
          </p:cNvSpPr>
          <p:nvPr>
            <p:ph type="title"/>
          </p:nvPr>
        </p:nvSpPr>
        <p:spPr/>
        <p:txBody>
          <a:bodyPr/>
          <a:lstStyle/>
          <a:p>
            <a:r>
              <a:rPr lang="en-US" sz="2800" dirty="0"/>
              <a:t>What is a Learning Management System?</a:t>
            </a:r>
          </a:p>
        </p:txBody>
      </p:sp>
      <p:sp>
        <p:nvSpPr>
          <p:cNvPr id="10" name="Content Placeholder 9">
            <a:extLst>
              <a:ext uri="{FF2B5EF4-FFF2-40B4-BE49-F238E27FC236}">
                <a16:creationId xmlns:a16="http://schemas.microsoft.com/office/drawing/2014/main" id="{E239803A-895E-4096-9F0C-8AF06C83893F}"/>
              </a:ext>
            </a:extLst>
          </p:cNvPr>
          <p:cNvSpPr>
            <a:spLocks noGrp="1"/>
          </p:cNvSpPr>
          <p:nvPr>
            <p:ph idx="10"/>
          </p:nvPr>
        </p:nvSpPr>
        <p:spPr>
          <a:xfrm>
            <a:off x="694944" y="2204713"/>
            <a:ext cx="6620256" cy="4745736"/>
          </a:xfrm>
        </p:spPr>
        <p:txBody>
          <a:bodyPr/>
          <a:lstStyle/>
          <a:p>
            <a:pPr marL="346075" indent="-342900">
              <a:buFont typeface="Arial" panose="020B0604020202020204" pitchFamily="34" charset="0"/>
              <a:buChar char="•"/>
            </a:pPr>
            <a:r>
              <a:rPr lang="en-US" sz="2000" dirty="0"/>
              <a:t>A software application for the administration, documentation, tracking, reporting, automation, and delivery of educational courses, training programs, or learning and development programs</a:t>
            </a:r>
          </a:p>
          <a:p>
            <a:pPr marL="346075" indent="-342900">
              <a:buFont typeface="Arial" panose="020B0604020202020204" pitchFamily="34" charset="0"/>
              <a:buChar char="•"/>
            </a:pPr>
            <a:endParaRPr lang="en-US" sz="2000" dirty="0"/>
          </a:p>
          <a:p>
            <a:pPr marL="346075" indent="-342900">
              <a:buFont typeface="Arial" panose="020B0604020202020204" pitchFamily="34" charset="0"/>
              <a:buChar char="•"/>
            </a:pPr>
            <a:r>
              <a:rPr lang="en-US" altLang="en-US" sz="2000" dirty="0"/>
              <a:t>Has tools that let you track how users move through the eLearning content.</a:t>
            </a:r>
          </a:p>
          <a:p>
            <a:pPr marL="346075" indent="-342900">
              <a:buFont typeface="Arial" panose="020B0604020202020204" pitchFamily="34" charset="0"/>
              <a:buChar char="•"/>
            </a:pPr>
            <a:endParaRPr lang="en-US" altLang="en-US" sz="2000" dirty="0"/>
          </a:p>
          <a:p>
            <a:pPr marL="346075" indent="-342900">
              <a:buFont typeface="Arial" panose="020B0604020202020204" pitchFamily="34" charset="0"/>
              <a:buChar char="•"/>
            </a:pPr>
            <a:r>
              <a:rPr lang="en-US" altLang="en-US" sz="2000" dirty="0"/>
              <a:t>Has tools that let learners interact with the content and each other— which is key</a:t>
            </a:r>
          </a:p>
          <a:p>
            <a:endParaRPr lang="en-US" dirty="0"/>
          </a:p>
        </p:txBody>
      </p:sp>
      <p:sp>
        <p:nvSpPr>
          <p:cNvPr id="9" name="PageNumber">
            <a:extLst>
              <a:ext uri="{FF2B5EF4-FFF2-40B4-BE49-F238E27FC236}">
                <a16:creationId xmlns:a16="http://schemas.microsoft.com/office/drawing/2014/main" id="{779B86FF-C362-4017-9A4D-D70027993E08}"/>
              </a:ext>
            </a:extLst>
          </p:cNvPr>
          <p:cNvSpPr txBox="1"/>
          <p:nvPr/>
        </p:nvSpPr>
        <p:spPr>
          <a:xfrm>
            <a:off x="7150608" y="7507224"/>
            <a:ext cx="329184" cy="192024"/>
          </a:xfrm>
          <a:prstGeom prst="rect">
            <a:avLst/>
          </a:prstGeom>
          <a:noFill/>
        </p:spPr>
        <p:txBody>
          <a:bodyPr vert="horz" wrap="none" lIns="0" tIns="0" rIns="0" bIns="0" rtlCol="0" anchor="ctr">
            <a:noAutofit/>
          </a:bodyPr>
          <a:lstStyle/>
          <a:p>
            <a:pPr algn="ctr">
              <a:lnSpc>
                <a:spcPct val="110000"/>
              </a:lnSpc>
            </a:pPr>
            <a:r>
              <a:rPr lang="en-US" sz="900" dirty="0">
                <a:solidFill>
                  <a:schemeClr val="tx2"/>
                </a:solidFill>
                <a:latin typeface="Arial" panose="020B0604020202020204" pitchFamily="34" charset="0"/>
              </a:rPr>
              <a:t>1</a:t>
            </a:r>
          </a:p>
        </p:txBody>
      </p:sp>
      <p:grpSp>
        <p:nvGrpSpPr>
          <p:cNvPr id="13" name="Group 12">
            <a:extLst>
              <a:ext uri="{FF2B5EF4-FFF2-40B4-BE49-F238E27FC236}">
                <a16:creationId xmlns:a16="http://schemas.microsoft.com/office/drawing/2014/main" id="{A5D25ECF-413C-4EA7-8D6F-9D93854F2F7D}"/>
              </a:ext>
            </a:extLst>
          </p:cNvPr>
          <p:cNvGrpSpPr/>
          <p:nvPr/>
        </p:nvGrpSpPr>
        <p:grpSpPr>
          <a:xfrm>
            <a:off x="8503159" y="2360943"/>
            <a:ext cx="4496337" cy="3811934"/>
            <a:chOff x="5584825" y="2159000"/>
            <a:chExt cx="4146550" cy="3500525"/>
          </a:xfrm>
        </p:grpSpPr>
        <p:sp>
          <p:nvSpPr>
            <p:cNvPr id="14" name="Oval 13">
              <a:extLst>
                <a:ext uri="{FF2B5EF4-FFF2-40B4-BE49-F238E27FC236}">
                  <a16:creationId xmlns:a16="http://schemas.microsoft.com/office/drawing/2014/main" id="{E5E4EFC3-8D4A-4D95-8E9E-61E96127EA79}"/>
                </a:ext>
              </a:extLst>
            </p:cNvPr>
            <p:cNvSpPr/>
            <p:nvPr/>
          </p:nvSpPr>
          <p:spPr>
            <a:xfrm>
              <a:off x="6283000" y="5352827"/>
              <a:ext cx="2750200" cy="306698"/>
            </a:xfrm>
            <a:prstGeom prst="ellipse">
              <a:avLst/>
            </a:prstGeom>
            <a:solidFill>
              <a:schemeClr val="tx2">
                <a:lumMod val="60000"/>
                <a:lumOff val="40000"/>
              </a:schemeClr>
            </a:solidFill>
            <a:ln w="9525">
              <a:noFill/>
            </a:ln>
            <a:effectLst>
              <a:softEdge rad="127000"/>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nvGrpSpPr>
            <p:cNvPr id="15" name="Group 14">
              <a:extLst>
                <a:ext uri="{FF2B5EF4-FFF2-40B4-BE49-F238E27FC236}">
                  <a16:creationId xmlns:a16="http://schemas.microsoft.com/office/drawing/2014/main" id="{618B49F7-EE2E-4174-BC01-6AE2E399FB79}"/>
                </a:ext>
              </a:extLst>
            </p:cNvPr>
            <p:cNvGrpSpPr/>
            <p:nvPr/>
          </p:nvGrpSpPr>
          <p:grpSpPr>
            <a:xfrm>
              <a:off x="5584825" y="2159000"/>
              <a:ext cx="4146550" cy="3334476"/>
              <a:chOff x="5584825" y="2159000"/>
              <a:chExt cx="4146550" cy="3334476"/>
            </a:xfrm>
          </p:grpSpPr>
          <p:sp>
            <p:nvSpPr>
              <p:cNvPr id="16" name="Trapezoid 15">
                <a:extLst>
                  <a:ext uri="{FF2B5EF4-FFF2-40B4-BE49-F238E27FC236}">
                    <a16:creationId xmlns:a16="http://schemas.microsoft.com/office/drawing/2014/main" id="{B65C1053-DBD6-47D1-8C7A-C0BA2B00237E}"/>
                  </a:ext>
                </a:extLst>
              </p:cNvPr>
              <p:cNvSpPr/>
              <p:nvPr/>
            </p:nvSpPr>
            <p:spPr>
              <a:xfrm flipH="1">
                <a:off x="7132629" y="4795838"/>
                <a:ext cx="1050942" cy="631742"/>
              </a:xfrm>
              <a:prstGeom prst="trapezoid">
                <a:avLst/>
              </a:prstGeom>
              <a:solidFill>
                <a:srgbClr val="E8EBF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nvGrpSpPr>
              <p:cNvPr id="17" name="Group 16">
                <a:extLst>
                  <a:ext uri="{FF2B5EF4-FFF2-40B4-BE49-F238E27FC236}">
                    <a16:creationId xmlns:a16="http://schemas.microsoft.com/office/drawing/2014/main" id="{A83705CF-79DB-4B3F-A402-50E81B568B39}"/>
                  </a:ext>
                </a:extLst>
              </p:cNvPr>
              <p:cNvGrpSpPr/>
              <p:nvPr/>
            </p:nvGrpSpPr>
            <p:grpSpPr>
              <a:xfrm>
                <a:off x="5584825" y="2159000"/>
                <a:ext cx="4146550" cy="2835275"/>
                <a:chOff x="5584825" y="2159000"/>
                <a:chExt cx="4146550" cy="2835275"/>
              </a:xfrm>
            </p:grpSpPr>
            <p:sp>
              <p:nvSpPr>
                <p:cNvPr id="20" name="Rounded Rectangle 31">
                  <a:extLst>
                    <a:ext uri="{FF2B5EF4-FFF2-40B4-BE49-F238E27FC236}">
                      <a16:creationId xmlns:a16="http://schemas.microsoft.com/office/drawing/2014/main" id="{9F49BB1B-BB2D-4B0A-91E7-25C7189A206D}"/>
                    </a:ext>
                  </a:extLst>
                </p:cNvPr>
                <p:cNvSpPr/>
                <p:nvPr/>
              </p:nvSpPr>
              <p:spPr>
                <a:xfrm>
                  <a:off x="5584825" y="2159000"/>
                  <a:ext cx="4146550" cy="2835275"/>
                </a:xfrm>
                <a:prstGeom prst="roundRect">
                  <a:avLst>
                    <a:gd name="adj" fmla="val 3005"/>
                  </a:avLst>
                </a:prstGeom>
                <a:solidFill>
                  <a:srgbClr val="474E5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1" name="Rectangle 20">
                  <a:extLst>
                    <a:ext uri="{FF2B5EF4-FFF2-40B4-BE49-F238E27FC236}">
                      <a16:creationId xmlns:a16="http://schemas.microsoft.com/office/drawing/2014/main" id="{BE046874-8AF5-4DF5-882C-A32FAF009D3B}"/>
                    </a:ext>
                  </a:extLst>
                </p:cNvPr>
                <p:cNvSpPr/>
                <p:nvPr/>
              </p:nvSpPr>
              <p:spPr>
                <a:xfrm>
                  <a:off x="5748338" y="2311400"/>
                  <a:ext cx="3819525" cy="2152650"/>
                </a:xfrm>
                <a:prstGeom prst="rect">
                  <a:avLst/>
                </a:prstGeom>
                <a:solidFill>
                  <a:srgbClr val="ECECEC"/>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2" name="Round Same Side Corner Rectangle 35">
                  <a:extLst>
                    <a:ext uri="{FF2B5EF4-FFF2-40B4-BE49-F238E27FC236}">
                      <a16:creationId xmlns:a16="http://schemas.microsoft.com/office/drawing/2014/main" id="{42981C98-67E3-4372-A4E8-23A9233B6F64}"/>
                    </a:ext>
                  </a:extLst>
                </p:cNvPr>
                <p:cNvSpPr/>
                <p:nvPr/>
              </p:nvSpPr>
              <p:spPr>
                <a:xfrm flipV="1">
                  <a:off x="5584825" y="4619625"/>
                  <a:ext cx="4146550" cy="374650"/>
                </a:xfrm>
                <a:prstGeom prst="round2SameRect">
                  <a:avLst/>
                </a:prstGeom>
                <a:solidFill>
                  <a:srgbClr val="E8EBF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3" name="Oval 22">
                  <a:extLst>
                    <a:ext uri="{FF2B5EF4-FFF2-40B4-BE49-F238E27FC236}">
                      <a16:creationId xmlns:a16="http://schemas.microsoft.com/office/drawing/2014/main" id="{DA8DA64E-1F4C-4F2C-B420-B308D978FB73}"/>
                    </a:ext>
                  </a:extLst>
                </p:cNvPr>
                <p:cNvSpPr/>
                <p:nvPr/>
              </p:nvSpPr>
              <p:spPr>
                <a:xfrm>
                  <a:off x="7575947" y="4717256"/>
                  <a:ext cx="164306" cy="164306"/>
                </a:xfrm>
                <a:prstGeom prst="ellipse">
                  <a:avLst/>
                </a:prstGeom>
                <a:solidFill>
                  <a:srgbClr val="474E5D"/>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sp>
            <p:nvSpPr>
              <p:cNvPr id="18" name="Trapezoid 17">
                <a:extLst>
                  <a:ext uri="{FF2B5EF4-FFF2-40B4-BE49-F238E27FC236}">
                    <a16:creationId xmlns:a16="http://schemas.microsoft.com/office/drawing/2014/main" id="{36721B03-52AB-4E55-83E3-12D3BD0915CE}"/>
                  </a:ext>
                </a:extLst>
              </p:cNvPr>
              <p:cNvSpPr/>
              <p:nvPr/>
            </p:nvSpPr>
            <p:spPr>
              <a:xfrm flipH="1">
                <a:off x="7216366" y="4994274"/>
                <a:ext cx="883468" cy="97631"/>
              </a:xfrm>
              <a:prstGeom prst="trapezoid">
                <a:avLst/>
              </a:prstGeom>
              <a:solidFill>
                <a:srgbClr val="D8DBE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9" name="Rectangle 18">
                <a:extLst>
                  <a:ext uri="{FF2B5EF4-FFF2-40B4-BE49-F238E27FC236}">
                    <a16:creationId xmlns:a16="http://schemas.microsoft.com/office/drawing/2014/main" id="{6A4C913A-251B-4590-9835-1FD6683AECE3}"/>
                  </a:ext>
                </a:extLst>
              </p:cNvPr>
              <p:cNvSpPr/>
              <p:nvPr/>
            </p:nvSpPr>
            <p:spPr>
              <a:xfrm>
                <a:off x="6980635" y="5427580"/>
                <a:ext cx="1354931" cy="65896"/>
              </a:xfrm>
              <a:prstGeom prst="rect">
                <a:avLst/>
              </a:prstGeom>
              <a:solidFill>
                <a:srgbClr val="E8EBF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grpSp>
      <p:grpSp>
        <p:nvGrpSpPr>
          <p:cNvPr id="24" name="Group 98">
            <a:extLst>
              <a:ext uri="{FF2B5EF4-FFF2-40B4-BE49-F238E27FC236}">
                <a16:creationId xmlns:a16="http://schemas.microsoft.com/office/drawing/2014/main" id="{7813A7FD-F219-49EB-B0D5-12D9DFC1F637}"/>
              </a:ext>
            </a:extLst>
          </p:cNvPr>
          <p:cNvGrpSpPr>
            <a:grpSpLocks noChangeAspect="1"/>
          </p:cNvGrpSpPr>
          <p:nvPr/>
        </p:nvGrpSpPr>
        <p:grpSpPr bwMode="auto">
          <a:xfrm>
            <a:off x="9801984" y="2971129"/>
            <a:ext cx="1893861" cy="1580360"/>
            <a:chOff x="4921" y="3173"/>
            <a:chExt cx="737" cy="615"/>
          </a:xfrm>
          <a:solidFill>
            <a:schemeClr val="tx2">
              <a:lumMod val="60000"/>
              <a:lumOff val="40000"/>
            </a:schemeClr>
          </a:solidFill>
        </p:grpSpPr>
        <p:sp>
          <p:nvSpPr>
            <p:cNvPr id="25" name="Freeform 99">
              <a:extLst>
                <a:ext uri="{FF2B5EF4-FFF2-40B4-BE49-F238E27FC236}">
                  <a16:creationId xmlns:a16="http://schemas.microsoft.com/office/drawing/2014/main" id="{92A630FA-5C8D-4BCF-90F6-DEF4923AB5ED}"/>
                </a:ext>
              </a:extLst>
            </p:cNvPr>
            <p:cNvSpPr>
              <a:spLocks noEditPoints="1"/>
            </p:cNvSpPr>
            <p:nvPr/>
          </p:nvSpPr>
          <p:spPr bwMode="auto">
            <a:xfrm>
              <a:off x="5127" y="3285"/>
              <a:ext cx="495" cy="503"/>
            </a:xfrm>
            <a:custGeom>
              <a:avLst/>
              <a:gdLst>
                <a:gd name="T0" fmla="*/ 709 w 818"/>
                <a:gd name="T1" fmla="*/ 786 h 833"/>
                <a:gd name="T2" fmla="*/ 170 w 818"/>
                <a:gd name="T3" fmla="*/ 602 h 833"/>
                <a:gd name="T4" fmla="*/ 709 w 818"/>
                <a:gd name="T5" fmla="*/ 786 h 833"/>
                <a:gd name="T6" fmla="*/ 307 w 818"/>
                <a:gd name="T7" fmla="*/ 548 h 833"/>
                <a:gd name="T8" fmla="*/ 307 w 818"/>
                <a:gd name="T9" fmla="*/ 555 h 833"/>
                <a:gd name="T10" fmla="*/ 307 w 818"/>
                <a:gd name="T11" fmla="*/ 548 h 833"/>
                <a:gd name="T12" fmla="*/ 139 w 818"/>
                <a:gd name="T13" fmla="*/ 455 h 833"/>
                <a:gd name="T14" fmla="*/ 65 w 818"/>
                <a:gd name="T15" fmla="*/ 387 h 833"/>
                <a:gd name="T16" fmla="*/ 64 w 818"/>
                <a:gd name="T17" fmla="*/ 365 h 833"/>
                <a:gd name="T18" fmla="*/ 169 w 818"/>
                <a:gd name="T19" fmla="*/ 437 h 833"/>
                <a:gd name="T20" fmla="*/ 228 w 818"/>
                <a:gd name="T21" fmla="*/ 470 h 833"/>
                <a:gd name="T22" fmla="*/ 254 w 818"/>
                <a:gd name="T23" fmla="*/ 436 h 833"/>
                <a:gd name="T24" fmla="*/ 378 w 818"/>
                <a:gd name="T25" fmla="*/ 307 h 833"/>
                <a:gd name="T26" fmla="*/ 469 w 818"/>
                <a:gd name="T27" fmla="*/ 297 h 833"/>
                <a:gd name="T28" fmla="*/ 552 w 818"/>
                <a:gd name="T29" fmla="*/ 304 h 833"/>
                <a:gd name="T30" fmla="*/ 653 w 818"/>
                <a:gd name="T31" fmla="*/ 392 h 833"/>
                <a:gd name="T32" fmla="*/ 673 w 818"/>
                <a:gd name="T33" fmla="*/ 555 h 833"/>
                <a:gd name="T34" fmla="*/ 632 w 818"/>
                <a:gd name="T35" fmla="*/ 487 h 833"/>
                <a:gd name="T36" fmla="*/ 606 w 818"/>
                <a:gd name="T37" fmla="*/ 460 h 833"/>
                <a:gd name="T38" fmla="*/ 597 w 818"/>
                <a:gd name="T39" fmla="*/ 462 h 833"/>
                <a:gd name="T40" fmla="*/ 580 w 818"/>
                <a:gd name="T41" fmla="*/ 506 h 833"/>
                <a:gd name="T42" fmla="*/ 353 w 818"/>
                <a:gd name="T43" fmla="*/ 554 h 833"/>
                <a:gd name="T44" fmla="*/ 349 w 818"/>
                <a:gd name="T45" fmla="*/ 472 h 833"/>
                <a:gd name="T46" fmla="*/ 306 w 818"/>
                <a:gd name="T47" fmla="*/ 463 h 833"/>
                <a:gd name="T48" fmla="*/ 276 w 818"/>
                <a:gd name="T49" fmla="*/ 511 h 833"/>
                <a:gd name="T50" fmla="*/ 208 w 818"/>
                <a:gd name="T51" fmla="*/ 520 h 833"/>
                <a:gd name="T52" fmla="*/ 469 w 818"/>
                <a:gd name="T53" fmla="*/ 46 h 833"/>
                <a:gd name="T54" fmla="*/ 570 w 818"/>
                <a:gd name="T55" fmla="*/ 148 h 833"/>
                <a:gd name="T56" fmla="*/ 367 w 818"/>
                <a:gd name="T57" fmla="*/ 148 h 833"/>
                <a:gd name="T58" fmla="*/ 778 w 818"/>
                <a:gd name="T59" fmla="*/ 555 h 833"/>
                <a:gd name="T60" fmla="*/ 748 w 818"/>
                <a:gd name="T61" fmla="*/ 555 h 833"/>
                <a:gd name="T62" fmla="*/ 696 w 818"/>
                <a:gd name="T63" fmla="*/ 374 h 833"/>
                <a:gd name="T64" fmla="*/ 566 w 818"/>
                <a:gd name="T65" fmla="*/ 260 h 833"/>
                <a:gd name="T66" fmla="*/ 469 w 818"/>
                <a:gd name="T67" fmla="*/ 0 h 833"/>
                <a:gd name="T68" fmla="*/ 372 w 818"/>
                <a:gd name="T69" fmla="*/ 261 h 833"/>
                <a:gd name="T70" fmla="*/ 235 w 818"/>
                <a:gd name="T71" fmla="*/ 370 h 833"/>
                <a:gd name="T72" fmla="*/ 197 w 818"/>
                <a:gd name="T73" fmla="*/ 399 h 833"/>
                <a:gd name="T74" fmla="*/ 64 w 818"/>
                <a:gd name="T75" fmla="*/ 318 h 833"/>
                <a:gd name="T76" fmla="*/ 36 w 818"/>
                <a:gd name="T77" fmla="*/ 423 h 833"/>
                <a:gd name="T78" fmla="*/ 107 w 818"/>
                <a:gd name="T79" fmla="*/ 488 h 833"/>
                <a:gd name="T80" fmla="*/ 177 w 818"/>
                <a:gd name="T81" fmla="*/ 555 h 833"/>
                <a:gd name="T82" fmla="*/ 128 w 818"/>
                <a:gd name="T83" fmla="*/ 571 h 833"/>
                <a:gd name="T84" fmla="*/ 185 w 818"/>
                <a:gd name="T85" fmla="*/ 806 h 833"/>
                <a:gd name="T86" fmla="*/ 715 w 818"/>
                <a:gd name="T87" fmla="*/ 833 h 833"/>
                <a:gd name="T88" fmla="*/ 815 w 818"/>
                <a:gd name="T89" fmla="*/ 605 h 833"/>
                <a:gd name="T90" fmla="*/ 778 w 818"/>
                <a:gd name="T91" fmla="*/ 555 h 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18" h="833">
                  <a:moveTo>
                    <a:pt x="709" y="786"/>
                  </a:moveTo>
                  <a:lnTo>
                    <a:pt x="709" y="786"/>
                  </a:lnTo>
                  <a:lnTo>
                    <a:pt x="228" y="786"/>
                  </a:lnTo>
                  <a:lnTo>
                    <a:pt x="170" y="602"/>
                  </a:lnTo>
                  <a:lnTo>
                    <a:pt x="767" y="602"/>
                  </a:lnTo>
                  <a:lnTo>
                    <a:pt x="709" y="786"/>
                  </a:lnTo>
                  <a:close/>
                  <a:moveTo>
                    <a:pt x="307" y="548"/>
                  </a:moveTo>
                  <a:lnTo>
                    <a:pt x="307" y="548"/>
                  </a:lnTo>
                  <a:cubicBezTo>
                    <a:pt x="307" y="550"/>
                    <a:pt x="307" y="552"/>
                    <a:pt x="307" y="553"/>
                  </a:cubicBezTo>
                  <a:cubicBezTo>
                    <a:pt x="307" y="554"/>
                    <a:pt x="307" y="554"/>
                    <a:pt x="307" y="555"/>
                  </a:cubicBezTo>
                  <a:lnTo>
                    <a:pt x="301" y="555"/>
                  </a:lnTo>
                  <a:cubicBezTo>
                    <a:pt x="303" y="553"/>
                    <a:pt x="305" y="551"/>
                    <a:pt x="307" y="548"/>
                  </a:cubicBezTo>
                  <a:close/>
                  <a:moveTo>
                    <a:pt x="139" y="455"/>
                  </a:moveTo>
                  <a:lnTo>
                    <a:pt x="139" y="455"/>
                  </a:lnTo>
                  <a:cubicBezTo>
                    <a:pt x="125" y="441"/>
                    <a:pt x="111" y="428"/>
                    <a:pt x="97" y="414"/>
                  </a:cubicBezTo>
                  <a:cubicBezTo>
                    <a:pt x="87" y="405"/>
                    <a:pt x="77" y="396"/>
                    <a:pt x="65" y="387"/>
                  </a:cubicBezTo>
                  <a:cubicBezTo>
                    <a:pt x="51" y="375"/>
                    <a:pt x="55" y="370"/>
                    <a:pt x="57" y="368"/>
                  </a:cubicBezTo>
                  <a:cubicBezTo>
                    <a:pt x="58" y="367"/>
                    <a:pt x="60" y="365"/>
                    <a:pt x="64" y="365"/>
                  </a:cubicBezTo>
                  <a:cubicBezTo>
                    <a:pt x="68" y="365"/>
                    <a:pt x="73" y="367"/>
                    <a:pt x="78" y="370"/>
                  </a:cubicBezTo>
                  <a:cubicBezTo>
                    <a:pt x="108" y="392"/>
                    <a:pt x="138" y="414"/>
                    <a:pt x="169" y="437"/>
                  </a:cubicBezTo>
                  <a:lnTo>
                    <a:pt x="209" y="466"/>
                  </a:lnTo>
                  <a:cubicBezTo>
                    <a:pt x="214" y="470"/>
                    <a:pt x="221" y="471"/>
                    <a:pt x="228" y="470"/>
                  </a:cubicBezTo>
                  <a:cubicBezTo>
                    <a:pt x="235" y="468"/>
                    <a:pt x="240" y="464"/>
                    <a:pt x="243" y="458"/>
                  </a:cubicBezTo>
                  <a:cubicBezTo>
                    <a:pt x="247" y="450"/>
                    <a:pt x="251" y="443"/>
                    <a:pt x="254" y="436"/>
                  </a:cubicBezTo>
                  <a:cubicBezTo>
                    <a:pt x="261" y="421"/>
                    <a:pt x="268" y="406"/>
                    <a:pt x="276" y="393"/>
                  </a:cubicBezTo>
                  <a:cubicBezTo>
                    <a:pt x="306" y="341"/>
                    <a:pt x="337" y="315"/>
                    <a:pt x="378" y="307"/>
                  </a:cubicBezTo>
                  <a:cubicBezTo>
                    <a:pt x="410" y="301"/>
                    <a:pt x="440" y="297"/>
                    <a:pt x="469" y="297"/>
                  </a:cubicBezTo>
                  <a:lnTo>
                    <a:pt x="469" y="297"/>
                  </a:lnTo>
                  <a:cubicBezTo>
                    <a:pt x="469" y="297"/>
                    <a:pt x="469" y="297"/>
                    <a:pt x="469" y="297"/>
                  </a:cubicBezTo>
                  <a:cubicBezTo>
                    <a:pt x="498" y="296"/>
                    <a:pt x="525" y="299"/>
                    <a:pt x="552" y="304"/>
                  </a:cubicBezTo>
                  <a:cubicBezTo>
                    <a:pt x="600" y="314"/>
                    <a:pt x="633" y="343"/>
                    <a:pt x="653" y="391"/>
                  </a:cubicBezTo>
                  <a:lnTo>
                    <a:pt x="653" y="392"/>
                  </a:lnTo>
                  <a:cubicBezTo>
                    <a:pt x="676" y="446"/>
                    <a:pt x="697" y="498"/>
                    <a:pt x="702" y="554"/>
                  </a:cubicBezTo>
                  <a:cubicBezTo>
                    <a:pt x="690" y="555"/>
                    <a:pt x="681" y="555"/>
                    <a:pt x="673" y="555"/>
                  </a:cubicBezTo>
                  <a:cubicBezTo>
                    <a:pt x="652" y="555"/>
                    <a:pt x="652" y="555"/>
                    <a:pt x="638" y="508"/>
                  </a:cubicBezTo>
                  <a:cubicBezTo>
                    <a:pt x="636" y="501"/>
                    <a:pt x="634" y="494"/>
                    <a:pt x="632" y="487"/>
                  </a:cubicBezTo>
                  <a:lnTo>
                    <a:pt x="629" y="477"/>
                  </a:lnTo>
                  <a:cubicBezTo>
                    <a:pt x="626" y="467"/>
                    <a:pt x="617" y="460"/>
                    <a:pt x="606" y="460"/>
                  </a:cubicBezTo>
                  <a:cubicBezTo>
                    <a:pt x="604" y="460"/>
                    <a:pt x="602" y="461"/>
                    <a:pt x="600" y="461"/>
                  </a:cubicBezTo>
                  <a:lnTo>
                    <a:pt x="597" y="462"/>
                  </a:lnTo>
                  <a:cubicBezTo>
                    <a:pt x="587" y="465"/>
                    <a:pt x="580" y="474"/>
                    <a:pt x="580" y="485"/>
                  </a:cubicBezTo>
                  <a:cubicBezTo>
                    <a:pt x="580" y="492"/>
                    <a:pt x="580" y="499"/>
                    <a:pt x="580" y="506"/>
                  </a:cubicBezTo>
                  <a:cubicBezTo>
                    <a:pt x="580" y="521"/>
                    <a:pt x="580" y="538"/>
                    <a:pt x="580" y="554"/>
                  </a:cubicBezTo>
                  <a:cubicBezTo>
                    <a:pt x="505" y="554"/>
                    <a:pt x="429" y="554"/>
                    <a:pt x="353" y="554"/>
                  </a:cubicBezTo>
                  <a:lnTo>
                    <a:pt x="353" y="554"/>
                  </a:lnTo>
                  <a:cubicBezTo>
                    <a:pt x="354" y="527"/>
                    <a:pt x="353" y="501"/>
                    <a:pt x="349" y="472"/>
                  </a:cubicBezTo>
                  <a:cubicBezTo>
                    <a:pt x="348" y="463"/>
                    <a:pt x="341" y="455"/>
                    <a:pt x="331" y="453"/>
                  </a:cubicBezTo>
                  <a:cubicBezTo>
                    <a:pt x="321" y="451"/>
                    <a:pt x="312" y="455"/>
                    <a:pt x="306" y="463"/>
                  </a:cubicBezTo>
                  <a:lnTo>
                    <a:pt x="296" y="479"/>
                  </a:lnTo>
                  <a:cubicBezTo>
                    <a:pt x="290" y="490"/>
                    <a:pt x="283" y="500"/>
                    <a:pt x="276" y="511"/>
                  </a:cubicBezTo>
                  <a:cubicBezTo>
                    <a:pt x="269" y="523"/>
                    <a:pt x="257" y="537"/>
                    <a:pt x="242" y="537"/>
                  </a:cubicBezTo>
                  <a:cubicBezTo>
                    <a:pt x="232" y="537"/>
                    <a:pt x="220" y="531"/>
                    <a:pt x="208" y="520"/>
                  </a:cubicBezTo>
                  <a:cubicBezTo>
                    <a:pt x="185" y="499"/>
                    <a:pt x="162" y="476"/>
                    <a:pt x="139" y="455"/>
                  </a:cubicBezTo>
                  <a:close/>
                  <a:moveTo>
                    <a:pt x="469" y="46"/>
                  </a:moveTo>
                  <a:lnTo>
                    <a:pt x="469" y="46"/>
                  </a:lnTo>
                  <a:cubicBezTo>
                    <a:pt x="525" y="46"/>
                    <a:pt x="570" y="92"/>
                    <a:pt x="570" y="148"/>
                  </a:cubicBezTo>
                  <a:cubicBezTo>
                    <a:pt x="570" y="204"/>
                    <a:pt x="525" y="250"/>
                    <a:pt x="469" y="250"/>
                  </a:cubicBezTo>
                  <a:cubicBezTo>
                    <a:pt x="412" y="250"/>
                    <a:pt x="367" y="204"/>
                    <a:pt x="367" y="148"/>
                  </a:cubicBezTo>
                  <a:cubicBezTo>
                    <a:pt x="367" y="92"/>
                    <a:pt x="412" y="46"/>
                    <a:pt x="469" y="46"/>
                  </a:cubicBezTo>
                  <a:close/>
                  <a:moveTo>
                    <a:pt x="778" y="555"/>
                  </a:moveTo>
                  <a:lnTo>
                    <a:pt x="778" y="555"/>
                  </a:lnTo>
                  <a:lnTo>
                    <a:pt x="748" y="555"/>
                  </a:lnTo>
                  <a:cubicBezTo>
                    <a:pt x="748" y="554"/>
                    <a:pt x="748" y="552"/>
                    <a:pt x="748" y="551"/>
                  </a:cubicBezTo>
                  <a:cubicBezTo>
                    <a:pt x="743" y="487"/>
                    <a:pt x="719" y="430"/>
                    <a:pt x="696" y="374"/>
                  </a:cubicBezTo>
                  <a:lnTo>
                    <a:pt x="696" y="373"/>
                  </a:lnTo>
                  <a:cubicBezTo>
                    <a:pt x="671" y="313"/>
                    <a:pt x="626" y="274"/>
                    <a:pt x="566" y="260"/>
                  </a:cubicBezTo>
                  <a:cubicBezTo>
                    <a:pt x="597" y="233"/>
                    <a:pt x="617" y="193"/>
                    <a:pt x="617" y="148"/>
                  </a:cubicBezTo>
                  <a:cubicBezTo>
                    <a:pt x="617" y="66"/>
                    <a:pt x="550" y="0"/>
                    <a:pt x="469" y="0"/>
                  </a:cubicBezTo>
                  <a:cubicBezTo>
                    <a:pt x="387" y="0"/>
                    <a:pt x="320" y="66"/>
                    <a:pt x="320" y="148"/>
                  </a:cubicBezTo>
                  <a:cubicBezTo>
                    <a:pt x="320" y="193"/>
                    <a:pt x="340" y="233"/>
                    <a:pt x="372" y="261"/>
                  </a:cubicBezTo>
                  <a:cubicBezTo>
                    <a:pt x="371" y="261"/>
                    <a:pt x="370" y="261"/>
                    <a:pt x="369" y="261"/>
                  </a:cubicBezTo>
                  <a:cubicBezTo>
                    <a:pt x="298" y="275"/>
                    <a:pt x="260" y="327"/>
                    <a:pt x="235" y="370"/>
                  </a:cubicBezTo>
                  <a:cubicBezTo>
                    <a:pt x="227" y="383"/>
                    <a:pt x="221" y="397"/>
                    <a:pt x="214" y="412"/>
                  </a:cubicBezTo>
                  <a:lnTo>
                    <a:pt x="197" y="399"/>
                  </a:lnTo>
                  <a:cubicBezTo>
                    <a:pt x="165" y="376"/>
                    <a:pt x="135" y="354"/>
                    <a:pt x="105" y="332"/>
                  </a:cubicBezTo>
                  <a:cubicBezTo>
                    <a:pt x="92" y="323"/>
                    <a:pt x="78" y="318"/>
                    <a:pt x="64" y="318"/>
                  </a:cubicBezTo>
                  <a:cubicBezTo>
                    <a:pt x="47" y="318"/>
                    <a:pt x="30" y="326"/>
                    <a:pt x="20" y="340"/>
                  </a:cubicBezTo>
                  <a:cubicBezTo>
                    <a:pt x="0" y="366"/>
                    <a:pt x="6" y="399"/>
                    <a:pt x="36" y="423"/>
                  </a:cubicBezTo>
                  <a:cubicBezTo>
                    <a:pt x="47" y="432"/>
                    <a:pt x="56" y="440"/>
                    <a:pt x="65" y="448"/>
                  </a:cubicBezTo>
                  <a:cubicBezTo>
                    <a:pt x="79" y="461"/>
                    <a:pt x="93" y="475"/>
                    <a:pt x="107" y="488"/>
                  </a:cubicBezTo>
                  <a:cubicBezTo>
                    <a:pt x="129" y="510"/>
                    <a:pt x="153" y="533"/>
                    <a:pt x="177" y="555"/>
                  </a:cubicBezTo>
                  <a:cubicBezTo>
                    <a:pt x="177" y="555"/>
                    <a:pt x="177" y="555"/>
                    <a:pt x="177" y="555"/>
                  </a:cubicBezTo>
                  <a:lnTo>
                    <a:pt x="159" y="555"/>
                  </a:lnTo>
                  <a:cubicBezTo>
                    <a:pt x="147" y="555"/>
                    <a:pt x="135" y="561"/>
                    <a:pt x="128" y="571"/>
                  </a:cubicBezTo>
                  <a:cubicBezTo>
                    <a:pt x="121" y="580"/>
                    <a:pt x="119" y="593"/>
                    <a:pt x="122" y="605"/>
                  </a:cubicBezTo>
                  <a:lnTo>
                    <a:pt x="185" y="806"/>
                  </a:lnTo>
                  <a:cubicBezTo>
                    <a:pt x="190" y="822"/>
                    <a:pt x="205" y="833"/>
                    <a:pt x="222" y="833"/>
                  </a:cubicBezTo>
                  <a:lnTo>
                    <a:pt x="715" y="833"/>
                  </a:lnTo>
                  <a:cubicBezTo>
                    <a:pt x="732" y="833"/>
                    <a:pt x="747" y="822"/>
                    <a:pt x="752" y="806"/>
                  </a:cubicBezTo>
                  <a:lnTo>
                    <a:pt x="815" y="605"/>
                  </a:lnTo>
                  <a:cubicBezTo>
                    <a:pt x="818" y="593"/>
                    <a:pt x="816" y="580"/>
                    <a:pt x="809" y="571"/>
                  </a:cubicBezTo>
                  <a:cubicBezTo>
                    <a:pt x="802" y="561"/>
                    <a:pt x="790" y="555"/>
                    <a:pt x="778" y="555"/>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sp>
          <p:nvSpPr>
            <p:cNvPr id="26" name="Freeform 100">
              <a:extLst>
                <a:ext uri="{FF2B5EF4-FFF2-40B4-BE49-F238E27FC236}">
                  <a16:creationId xmlns:a16="http://schemas.microsoft.com/office/drawing/2014/main" id="{2F47A267-8BCC-4D37-9E64-66556C463077}"/>
                </a:ext>
              </a:extLst>
            </p:cNvPr>
            <p:cNvSpPr>
              <a:spLocks/>
            </p:cNvSpPr>
            <p:nvPr/>
          </p:nvSpPr>
          <p:spPr bwMode="auto">
            <a:xfrm>
              <a:off x="4921" y="3173"/>
              <a:ext cx="737" cy="433"/>
            </a:xfrm>
            <a:custGeom>
              <a:avLst/>
              <a:gdLst>
                <a:gd name="T0" fmla="*/ 1197 w 1220"/>
                <a:gd name="T1" fmla="*/ 0 h 717"/>
                <a:gd name="T2" fmla="*/ 1197 w 1220"/>
                <a:gd name="T3" fmla="*/ 0 h 717"/>
                <a:gd name="T4" fmla="*/ 24 w 1220"/>
                <a:gd name="T5" fmla="*/ 0 h 717"/>
                <a:gd name="T6" fmla="*/ 0 w 1220"/>
                <a:gd name="T7" fmla="*/ 23 h 717"/>
                <a:gd name="T8" fmla="*/ 0 w 1220"/>
                <a:gd name="T9" fmla="*/ 693 h 717"/>
                <a:gd name="T10" fmla="*/ 24 w 1220"/>
                <a:gd name="T11" fmla="*/ 717 h 717"/>
                <a:gd name="T12" fmla="*/ 390 w 1220"/>
                <a:gd name="T13" fmla="*/ 717 h 717"/>
                <a:gd name="T14" fmla="*/ 414 w 1220"/>
                <a:gd name="T15" fmla="*/ 693 h 717"/>
                <a:gd name="T16" fmla="*/ 390 w 1220"/>
                <a:gd name="T17" fmla="*/ 670 h 717"/>
                <a:gd name="T18" fmla="*/ 47 w 1220"/>
                <a:gd name="T19" fmla="*/ 670 h 717"/>
                <a:gd name="T20" fmla="*/ 47 w 1220"/>
                <a:gd name="T21" fmla="*/ 47 h 717"/>
                <a:gd name="T22" fmla="*/ 1174 w 1220"/>
                <a:gd name="T23" fmla="*/ 47 h 717"/>
                <a:gd name="T24" fmla="*/ 1174 w 1220"/>
                <a:gd name="T25" fmla="*/ 670 h 717"/>
                <a:gd name="T26" fmla="*/ 1126 w 1220"/>
                <a:gd name="T27" fmla="*/ 670 h 717"/>
                <a:gd name="T28" fmla="*/ 1103 w 1220"/>
                <a:gd name="T29" fmla="*/ 693 h 717"/>
                <a:gd name="T30" fmla="*/ 1126 w 1220"/>
                <a:gd name="T31" fmla="*/ 717 h 717"/>
                <a:gd name="T32" fmla="*/ 1197 w 1220"/>
                <a:gd name="T33" fmla="*/ 717 h 717"/>
                <a:gd name="T34" fmla="*/ 1220 w 1220"/>
                <a:gd name="T35" fmla="*/ 693 h 717"/>
                <a:gd name="T36" fmla="*/ 1220 w 1220"/>
                <a:gd name="T37" fmla="*/ 23 h 717"/>
                <a:gd name="T38" fmla="*/ 1197 w 1220"/>
                <a:gd name="T39" fmla="*/ 0 h 7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220" h="717">
                  <a:moveTo>
                    <a:pt x="1197" y="0"/>
                  </a:moveTo>
                  <a:lnTo>
                    <a:pt x="1197" y="0"/>
                  </a:lnTo>
                  <a:lnTo>
                    <a:pt x="24" y="0"/>
                  </a:lnTo>
                  <a:cubicBezTo>
                    <a:pt x="11" y="0"/>
                    <a:pt x="0" y="11"/>
                    <a:pt x="0" y="23"/>
                  </a:cubicBezTo>
                  <a:lnTo>
                    <a:pt x="0" y="693"/>
                  </a:lnTo>
                  <a:cubicBezTo>
                    <a:pt x="0" y="706"/>
                    <a:pt x="11" y="717"/>
                    <a:pt x="24" y="717"/>
                  </a:cubicBezTo>
                  <a:lnTo>
                    <a:pt x="390" y="717"/>
                  </a:lnTo>
                  <a:cubicBezTo>
                    <a:pt x="403" y="717"/>
                    <a:pt x="414" y="706"/>
                    <a:pt x="414" y="693"/>
                  </a:cubicBezTo>
                  <a:cubicBezTo>
                    <a:pt x="414" y="680"/>
                    <a:pt x="403" y="670"/>
                    <a:pt x="390" y="670"/>
                  </a:cubicBezTo>
                  <a:lnTo>
                    <a:pt x="47" y="670"/>
                  </a:lnTo>
                  <a:lnTo>
                    <a:pt x="47" y="47"/>
                  </a:lnTo>
                  <a:lnTo>
                    <a:pt x="1174" y="47"/>
                  </a:lnTo>
                  <a:lnTo>
                    <a:pt x="1174" y="670"/>
                  </a:lnTo>
                  <a:lnTo>
                    <a:pt x="1126" y="670"/>
                  </a:lnTo>
                  <a:cubicBezTo>
                    <a:pt x="1113" y="670"/>
                    <a:pt x="1103" y="680"/>
                    <a:pt x="1103" y="693"/>
                  </a:cubicBezTo>
                  <a:cubicBezTo>
                    <a:pt x="1103" y="706"/>
                    <a:pt x="1113" y="717"/>
                    <a:pt x="1126" y="717"/>
                  </a:cubicBezTo>
                  <a:lnTo>
                    <a:pt x="1197" y="717"/>
                  </a:lnTo>
                  <a:cubicBezTo>
                    <a:pt x="1210" y="717"/>
                    <a:pt x="1220" y="706"/>
                    <a:pt x="1220" y="693"/>
                  </a:cubicBezTo>
                  <a:lnTo>
                    <a:pt x="1220" y="23"/>
                  </a:lnTo>
                  <a:cubicBezTo>
                    <a:pt x="1220" y="11"/>
                    <a:pt x="1210" y="0"/>
                    <a:pt x="1197"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grpSp>
    </p:spTree>
    <p:custDataLst>
      <p:tags r:id="rId1"/>
    </p:custDataLst>
    <p:extLst>
      <p:ext uri="{BB962C8B-B14F-4D97-AF65-F5344CB8AC3E}">
        <p14:creationId xmlns:p14="http://schemas.microsoft.com/office/powerpoint/2010/main" val="108170195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E489FF82-0FD0-47CA-8033-BA44F043BB6A}"/>
              </a:ext>
            </a:extLst>
          </p:cNvPr>
          <p:cNvSpPr>
            <a:spLocks noGrp="1"/>
          </p:cNvSpPr>
          <p:nvPr>
            <p:ph type="title"/>
          </p:nvPr>
        </p:nvSpPr>
        <p:spPr/>
        <p:txBody>
          <a:bodyPr/>
          <a:lstStyle/>
          <a:p>
            <a:r>
              <a:rPr lang="en-US" sz="2800" dirty="0"/>
              <a:t>Why a Learning Management System?</a:t>
            </a:r>
          </a:p>
        </p:txBody>
      </p:sp>
      <p:sp>
        <p:nvSpPr>
          <p:cNvPr id="7" name="Content Placeholder 6">
            <a:extLst>
              <a:ext uri="{FF2B5EF4-FFF2-40B4-BE49-F238E27FC236}">
                <a16:creationId xmlns:a16="http://schemas.microsoft.com/office/drawing/2014/main" id="{773AEAC4-3F0B-4FFD-B3F1-F484806CFF9F}"/>
              </a:ext>
            </a:extLst>
          </p:cNvPr>
          <p:cNvSpPr>
            <a:spLocks noGrp="1"/>
          </p:cNvSpPr>
          <p:nvPr>
            <p:ph idx="10"/>
          </p:nvPr>
        </p:nvSpPr>
        <p:spPr>
          <a:xfrm>
            <a:off x="694944" y="1749876"/>
            <a:ext cx="4151376" cy="2084832"/>
          </a:xfrm>
        </p:spPr>
        <p:txBody>
          <a:bodyPr/>
          <a:lstStyle/>
          <a:p>
            <a:pPr algn="ctr">
              <a:spcBef>
                <a:spcPts val="0"/>
              </a:spcBef>
            </a:pPr>
            <a:r>
              <a:rPr lang="en-US" sz="2000" dirty="0"/>
              <a:t>Personalized Learning/</a:t>
            </a:r>
          </a:p>
          <a:p>
            <a:pPr algn="ctr">
              <a:spcBef>
                <a:spcPts val="0"/>
              </a:spcBef>
            </a:pPr>
            <a:r>
              <a:rPr lang="en-US" sz="2000" dirty="0"/>
              <a:t>Learn at Own Pace</a:t>
            </a:r>
          </a:p>
          <a:p>
            <a:pPr algn="ctr"/>
            <a:endParaRPr lang="en-US" dirty="0"/>
          </a:p>
        </p:txBody>
      </p:sp>
      <p:sp>
        <p:nvSpPr>
          <p:cNvPr id="8" name="Content Placeholder 7">
            <a:extLst>
              <a:ext uri="{FF2B5EF4-FFF2-40B4-BE49-F238E27FC236}">
                <a16:creationId xmlns:a16="http://schemas.microsoft.com/office/drawing/2014/main" id="{B87B2196-78E1-4938-B692-771742FBF758}"/>
              </a:ext>
            </a:extLst>
          </p:cNvPr>
          <p:cNvSpPr>
            <a:spLocks noGrp="1"/>
          </p:cNvSpPr>
          <p:nvPr>
            <p:ph sz="quarter" idx="11"/>
          </p:nvPr>
        </p:nvSpPr>
        <p:spPr>
          <a:xfrm>
            <a:off x="5239512" y="1749876"/>
            <a:ext cx="4151376" cy="2084832"/>
          </a:xfrm>
        </p:spPr>
        <p:txBody>
          <a:bodyPr/>
          <a:lstStyle/>
          <a:p>
            <a:pPr algn="ctr">
              <a:lnSpc>
                <a:spcPct val="100000"/>
              </a:lnSpc>
              <a:spcBef>
                <a:spcPts val="0"/>
              </a:spcBef>
            </a:pPr>
            <a:r>
              <a:rPr lang="en-US" sz="2000" dirty="0"/>
              <a:t>Experimental</a:t>
            </a:r>
          </a:p>
          <a:p>
            <a:pPr algn="ctr">
              <a:lnSpc>
                <a:spcPct val="100000"/>
              </a:lnSpc>
              <a:spcBef>
                <a:spcPts val="0"/>
              </a:spcBef>
            </a:pPr>
            <a:r>
              <a:rPr lang="en-US" sz="2000" dirty="0"/>
              <a:t> Learning </a:t>
            </a:r>
          </a:p>
          <a:p>
            <a:pPr algn="ctr"/>
            <a:endParaRPr lang="en-US" dirty="0"/>
          </a:p>
        </p:txBody>
      </p:sp>
      <p:sp>
        <p:nvSpPr>
          <p:cNvPr id="9" name="Content Placeholder 8">
            <a:extLst>
              <a:ext uri="{FF2B5EF4-FFF2-40B4-BE49-F238E27FC236}">
                <a16:creationId xmlns:a16="http://schemas.microsoft.com/office/drawing/2014/main" id="{2A07693D-D1BC-47EB-A403-A1AA2716D1E5}"/>
              </a:ext>
            </a:extLst>
          </p:cNvPr>
          <p:cNvSpPr>
            <a:spLocks noGrp="1"/>
          </p:cNvSpPr>
          <p:nvPr>
            <p:ph sz="quarter" idx="12"/>
          </p:nvPr>
        </p:nvSpPr>
        <p:spPr>
          <a:xfrm>
            <a:off x="9793224" y="1749876"/>
            <a:ext cx="4151376" cy="2084832"/>
          </a:xfrm>
        </p:spPr>
        <p:txBody>
          <a:bodyPr/>
          <a:lstStyle/>
          <a:p>
            <a:pPr algn="ctr">
              <a:lnSpc>
                <a:spcPct val="100000"/>
              </a:lnSpc>
              <a:spcBef>
                <a:spcPts val="0"/>
              </a:spcBef>
            </a:pPr>
            <a:r>
              <a:rPr lang="en-US" sz="2000" dirty="0"/>
              <a:t>Content</a:t>
            </a:r>
          </a:p>
          <a:p>
            <a:pPr algn="ctr">
              <a:lnSpc>
                <a:spcPct val="100000"/>
              </a:lnSpc>
              <a:spcBef>
                <a:spcPts val="0"/>
              </a:spcBef>
            </a:pPr>
            <a:r>
              <a:rPr lang="en-US" sz="2000" dirty="0"/>
              <a:t>Standardization</a:t>
            </a:r>
          </a:p>
        </p:txBody>
      </p:sp>
      <p:sp>
        <p:nvSpPr>
          <p:cNvPr id="10" name="Content Placeholder 9">
            <a:extLst>
              <a:ext uri="{FF2B5EF4-FFF2-40B4-BE49-F238E27FC236}">
                <a16:creationId xmlns:a16="http://schemas.microsoft.com/office/drawing/2014/main" id="{61D01E18-53D4-4FAB-A337-4F72DF63D51F}"/>
              </a:ext>
            </a:extLst>
          </p:cNvPr>
          <p:cNvSpPr>
            <a:spLocks noGrp="1"/>
          </p:cNvSpPr>
          <p:nvPr>
            <p:ph sz="quarter" idx="13"/>
          </p:nvPr>
        </p:nvSpPr>
        <p:spPr>
          <a:xfrm>
            <a:off x="614226" y="4571200"/>
            <a:ext cx="4332973" cy="2084832"/>
          </a:xfrm>
        </p:spPr>
        <p:txBody>
          <a:bodyPr/>
          <a:lstStyle/>
          <a:p>
            <a:pPr algn="ctr">
              <a:spcBef>
                <a:spcPts val="0"/>
              </a:spcBef>
            </a:pPr>
            <a:r>
              <a:rPr lang="en-US" sz="2000" dirty="0"/>
              <a:t>Increased Productivity/</a:t>
            </a:r>
          </a:p>
          <a:p>
            <a:pPr algn="ctr">
              <a:spcBef>
                <a:spcPts val="0"/>
              </a:spcBef>
            </a:pPr>
            <a:r>
              <a:rPr lang="en-US" sz="2000" dirty="0"/>
              <a:t>Gamification</a:t>
            </a:r>
          </a:p>
        </p:txBody>
      </p:sp>
      <p:sp>
        <p:nvSpPr>
          <p:cNvPr id="11" name="Content Placeholder 10">
            <a:extLst>
              <a:ext uri="{FF2B5EF4-FFF2-40B4-BE49-F238E27FC236}">
                <a16:creationId xmlns:a16="http://schemas.microsoft.com/office/drawing/2014/main" id="{EAB37188-D1C0-4D08-8AA8-3734F9703F57}"/>
              </a:ext>
            </a:extLst>
          </p:cNvPr>
          <p:cNvSpPr>
            <a:spLocks noGrp="1"/>
          </p:cNvSpPr>
          <p:nvPr>
            <p:ph sz="quarter" idx="14"/>
          </p:nvPr>
        </p:nvSpPr>
        <p:spPr>
          <a:xfrm>
            <a:off x="5239512" y="4571200"/>
            <a:ext cx="4151376" cy="2084832"/>
          </a:xfrm>
        </p:spPr>
        <p:txBody>
          <a:bodyPr/>
          <a:lstStyle/>
          <a:p>
            <a:pPr algn="ctr">
              <a:lnSpc>
                <a:spcPct val="100000"/>
              </a:lnSpc>
              <a:spcBef>
                <a:spcPts val="0"/>
              </a:spcBef>
            </a:pPr>
            <a:r>
              <a:rPr lang="en-US" sz="2000" dirty="0"/>
              <a:t>Reduced Training Costs </a:t>
            </a:r>
          </a:p>
          <a:p>
            <a:pPr algn="ctr">
              <a:lnSpc>
                <a:spcPct val="100000"/>
              </a:lnSpc>
              <a:spcBef>
                <a:spcPts val="0"/>
              </a:spcBef>
            </a:pPr>
            <a:r>
              <a:rPr lang="en-US" sz="1400" dirty="0"/>
              <a:t>(Materials, Equipment, Trainers)</a:t>
            </a:r>
          </a:p>
          <a:p>
            <a:pPr algn="ctr"/>
            <a:endParaRPr lang="en-US" dirty="0"/>
          </a:p>
        </p:txBody>
      </p:sp>
      <p:sp>
        <p:nvSpPr>
          <p:cNvPr id="12" name="Content Placeholder 11">
            <a:extLst>
              <a:ext uri="{FF2B5EF4-FFF2-40B4-BE49-F238E27FC236}">
                <a16:creationId xmlns:a16="http://schemas.microsoft.com/office/drawing/2014/main" id="{13B5F0AF-4C62-47ED-9474-C6C1289FC787}"/>
              </a:ext>
            </a:extLst>
          </p:cNvPr>
          <p:cNvSpPr>
            <a:spLocks noGrp="1"/>
          </p:cNvSpPr>
          <p:nvPr>
            <p:ph sz="quarter" idx="15"/>
          </p:nvPr>
        </p:nvSpPr>
        <p:spPr>
          <a:xfrm>
            <a:off x="9793224" y="4571200"/>
            <a:ext cx="4151376" cy="2084832"/>
          </a:xfrm>
        </p:spPr>
        <p:txBody>
          <a:bodyPr/>
          <a:lstStyle/>
          <a:p>
            <a:pPr algn="ctr">
              <a:lnSpc>
                <a:spcPct val="100000"/>
              </a:lnSpc>
              <a:spcBef>
                <a:spcPts val="0"/>
              </a:spcBef>
            </a:pPr>
            <a:r>
              <a:rPr lang="en-US" sz="2000" dirty="0"/>
              <a:t>Real-Time Access </a:t>
            </a:r>
          </a:p>
          <a:p>
            <a:pPr algn="ctr">
              <a:lnSpc>
                <a:spcPct val="100000"/>
              </a:lnSpc>
              <a:spcBef>
                <a:spcPts val="0"/>
              </a:spcBef>
            </a:pPr>
            <a:r>
              <a:rPr lang="en-US" sz="2000" dirty="0"/>
              <a:t>&amp; Updates</a:t>
            </a:r>
          </a:p>
        </p:txBody>
      </p:sp>
      <p:grpSp>
        <p:nvGrpSpPr>
          <p:cNvPr id="16" name="Group 15">
            <a:extLst>
              <a:ext uri="{FF2B5EF4-FFF2-40B4-BE49-F238E27FC236}">
                <a16:creationId xmlns:a16="http://schemas.microsoft.com/office/drawing/2014/main" id="{4046A578-B957-4D16-B84E-B21022EFBC43}"/>
              </a:ext>
            </a:extLst>
          </p:cNvPr>
          <p:cNvGrpSpPr/>
          <p:nvPr/>
        </p:nvGrpSpPr>
        <p:grpSpPr>
          <a:xfrm>
            <a:off x="6535553" y="2589578"/>
            <a:ext cx="1559293" cy="1517844"/>
            <a:chOff x="6766560" y="2798124"/>
            <a:chExt cx="1097280" cy="1097280"/>
          </a:xfrm>
        </p:grpSpPr>
        <p:sp>
          <p:nvSpPr>
            <p:cNvPr id="14" name="Oval 20">
              <a:extLst>
                <a:ext uri="{FF2B5EF4-FFF2-40B4-BE49-F238E27FC236}">
                  <a16:creationId xmlns:a16="http://schemas.microsoft.com/office/drawing/2014/main" id="{4DE90A24-2349-463C-B9C1-7C37A6963B3C}"/>
                </a:ext>
              </a:extLst>
            </p:cNvPr>
            <p:cNvSpPr>
              <a:spLocks noChangeArrowheads="1"/>
            </p:cNvSpPr>
            <p:nvPr/>
          </p:nvSpPr>
          <p:spPr bwMode="auto">
            <a:xfrm>
              <a:off x="6766560" y="2798124"/>
              <a:ext cx="1097280" cy="1097280"/>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5" name="Freeform 25">
              <a:extLst>
                <a:ext uri="{FF2B5EF4-FFF2-40B4-BE49-F238E27FC236}">
                  <a16:creationId xmlns:a16="http://schemas.microsoft.com/office/drawing/2014/main" id="{0EDB5997-1162-48FD-B0E1-9A8C15991691}"/>
                </a:ext>
              </a:extLst>
            </p:cNvPr>
            <p:cNvSpPr>
              <a:spLocks noEditPoints="1"/>
            </p:cNvSpPr>
            <p:nvPr/>
          </p:nvSpPr>
          <p:spPr bwMode="auto">
            <a:xfrm>
              <a:off x="7028753" y="3043810"/>
              <a:ext cx="572019" cy="607219"/>
            </a:xfrm>
            <a:custGeom>
              <a:avLst/>
              <a:gdLst>
                <a:gd name="T0" fmla="*/ 417 w 554"/>
                <a:gd name="T1" fmla="*/ 228 h 588"/>
                <a:gd name="T2" fmla="*/ 368 w 554"/>
                <a:gd name="T3" fmla="*/ 128 h 588"/>
                <a:gd name="T4" fmla="*/ 390 w 554"/>
                <a:gd name="T5" fmla="*/ 69 h 588"/>
                <a:gd name="T6" fmla="*/ 397 w 554"/>
                <a:gd name="T7" fmla="*/ 7 h 588"/>
                <a:gd name="T8" fmla="*/ 158 w 554"/>
                <a:gd name="T9" fmla="*/ 0 h 588"/>
                <a:gd name="T10" fmla="*/ 151 w 554"/>
                <a:gd name="T11" fmla="*/ 62 h 588"/>
                <a:gd name="T12" fmla="*/ 186 w 554"/>
                <a:gd name="T13" fmla="*/ 69 h 588"/>
                <a:gd name="T14" fmla="*/ 140 w 554"/>
                <a:gd name="T15" fmla="*/ 223 h 588"/>
                <a:gd name="T16" fmla="*/ 24 w 554"/>
                <a:gd name="T17" fmla="*/ 459 h 588"/>
                <a:gd name="T18" fmla="*/ 70 w 554"/>
                <a:gd name="T19" fmla="*/ 588 h 588"/>
                <a:gd name="T20" fmla="*/ 540 w 554"/>
                <a:gd name="T21" fmla="*/ 564 h 588"/>
                <a:gd name="T22" fmla="*/ 165 w 554"/>
                <a:gd name="T23" fmla="*/ 14 h 588"/>
                <a:gd name="T24" fmla="*/ 383 w 554"/>
                <a:gd name="T25" fmla="*/ 55 h 588"/>
                <a:gd name="T26" fmla="*/ 193 w 554"/>
                <a:gd name="T27" fmla="*/ 55 h 588"/>
                <a:gd name="T28" fmla="*/ 165 w 554"/>
                <a:gd name="T29" fmla="*/ 14 h 588"/>
                <a:gd name="T30" fmla="*/ 200 w 554"/>
                <a:gd name="T31" fmla="*/ 129 h 588"/>
                <a:gd name="T32" fmla="*/ 354 w 554"/>
                <a:gd name="T33" fmla="*/ 69 h 588"/>
                <a:gd name="T34" fmla="*/ 355 w 554"/>
                <a:gd name="T35" fmla="*/ 133 h 588"/>
                <a:gd name="T36" fmla="*/ 366 w 554"/>
                <a:gd name="T37" fmla="*/ 243 h 588"/>
                <a:gd name="T38" fmla="*/ 321 w 554"/>
                <a:gd name="T39" fmla="*/ 221 h 588"/>
                <a:gd name="T40" fmla="*/ 316 w 554"/>
                <a:gd name="T41" fmla="*/ 224 h 588"/>
                <a:gd name="T42" fmla="*/ 238 w 554"/>
                <a:gd name="T43" fmla="*/ 224 h 588"/>
                <a:gd name="T44" fmla="*/ 188 w 554"/>
                <a:gd name="T45" fmla="*/ 243 h 588"/>
                <a:gd name="T46" fmla="*/ 200 w 554"/>
                <a:gd name="T47" fmla="*/ 133 h 588"/>
                <a:gd name="T48" fmla="*/ 484 w 554"/>
                <a:gd name="T49" fmla="*/ 574 h 588"/>
                <a:gd name="T50" fmla="*/ 26 w 554"/>
                <a:gd name="T51" fmla="*/ 557 h 588"/>
                <a:gd name="T52" fmla="*/ 147 w 554"/>
                <a:gd name="T53" fmla="*/ 241 h 588"/>
                <a:gd name="T54" fmla="*/ 233 w 554"/>
                <a:gd name="T55" fmla="*/ 239 h 588"/>
                <a:gd name="T56" fmla="*/ 321 w 554"/>
                <a:gd name="T57" fmla="*/ 239 h 588"/>
                <a:gd name="T58" fmla="*/ 366 w 554"/>
                <a:gd name="T59" fmla="*/ 257 h 588"/>
                <a:gd name="T60" fmla="*/ 517 w 554"/>
                <a:gd name="T61" fmla="*/ 464 h 588"/>
                <a:gd name="T62" fmla="*/ 222 w 554"/>
                <a:gd name="T63" fmla="*/ 384 h 588"/>
                <a:gd name="T64" fmla="*/ 222 w 554"/>
                <a:gd name="T65" fmla="*/ 470 h 588"/>
                <a:gd name="T66" fmla="*/ 222 w 554"/>
                <a:gd name="T67" fmla="*/ 384 h 588"/>
                <a:gd name="T68" fmla="*/ 193 w 554"/>
                <a:gd name="T69" fmla="*/ 427 h 588"/>
                <a:gd name="T70" fmla="*/ 250 w 554"/>
                <a:gd name="T71" fmla="*/ 427 h 588"/>
                <a:gd name="T72" fmla="*/ 352 w 554"/>
                <a:gd name="T73" fmla="*/ 314 h 588"/>
                <a:gd name="T74" fmla="*/ 352 w 554"/>
                <a:gd name="T75" fmla="*/ 434 h 588"/>
                <a:gd name="T76" fmla="*/ 352 w 554"/>
                <a:gd name="T77" fmla="*/ 314 h 588"/>
                <a:gd name="T78" fmla="*/ 306 w 554"/>
                <a:gd name="T79" fmla="*/ 374 h 588"/>
                <a:gd name="T80" fmla="*/ 398 w 554"/>
                <a:gd name="T81" fmla="*/ 374 h 5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554" h="588">
                  <a:moveTo>
                    <a:pt x="530" y="458"/>
                  </a:moveTo>
                  <a:cubicBezTo>
                    <a:pt x="417" y="228"/>
                    <a:pt x="417" y="228"/>
                    <a:pt x="417" y="228"/>
                  </a:cubicBezTo>
                  <a:cubicBezTo>
                    <a:pt x="417" y="226"/>
                    <a:pt x="416" y="224"/>
                    <a:pt x="414" y="223"/>
                  </a:cubicBezTo>
                  <a:cubicBezTo>
                    <a:pt x="368" y="128"/>
                    <a:pt x="368" y="128"/>
                    <a:pt x="368" y="128"/>
                  </a:cubicBezTo>
                  <a:cubicBezTo>
                    <a:pt x="368" y="69"/>
                    <a:pt x="368" y="69"/>
                    <a:pt x="368" y="69"/>
                  </a:cubicBezTo>
                  <a:cubicBezTo>
                    <a:pt x="390" y="69"/>
                    <a:pt x="390" y="69"/>
                    <a:pt x="390" y="69"/>
                  </a:cubicBezTo>
                  <a:cubicBezTo>
                    <a:pt x="394" y="69"/>
                    <a:pt x="397" y="66"/>
                    <a:pt x="397" y="62"/>
                  </a:cubicBezTo>
                  <a:cubicBezTo>
                    <a:pt x="397" y="7"/>
                    <a:pt x="397" y="7"/>
                    <a:pt x="397" y="7"/>
                  </a:cubicBezTo>
                  <a:cubicBezTo>
                    <a:pt x="397" y="3"/>
                    <a:pt x="394" y="0"/>
                    <a:pt x="390" y="0"/>
                  </a:cubicBezTo>
                  <a:cubicBezTo>
                    <a:pt x="158" y="0"/>
                    <a:pt x="158" y="0"/>
                    <a:pt x="158" y="0"/>
                  </a:cubicBezTo>
                  <a:cubicBezTo>
                    <a:pt x="154" y="0"/>
                    <a:pt x="151" y="3"/>
                    <a:pt x="151" y="7"/>
                  </a:cubicBezTo>
                  <a:cubicBezTo>
                    <a:pt x="151" y="62"/>
                    <a:pt x="151" y="62"/>
                    <a:pt x="151" y="62"/>
                  </a:cubicBezTo>
                  <a:cubicBezTo>
                    <a:pt x="151" y="66"/>
                    <a:pt x="154" y="69"/>
                    <a:pt x="158" y="69"/>
                  </a:cubicBezTo>
                  <a:cubicBezTo>
                    <a:pt x="186" y="69"/>
                    <a:pt x="186" y="69"/>
                    <a:pt x="186" y="69"/>
                  </a:cubicBezTo>
                  <a:cubicBezTo>
                    <a:pt x="186" y="128"/>
                    <a:pt x="186" y="128"/>
                    <a:pt x="186" y="128"/>
                  </a:cubicBezTo>
                  <a:cubicBezTo>
                    <a:pt x="140" y="223"/>
                    <a:pt x="140" y="223"/>
                    <a:pt x="140" y="223"/>
                  </a:cubicBezTo>
                  <a:cubicBezTo>
                    <a:pt x="138" y="224"/>
                    <a:pt x="137" y="226"/>
                    <a:pt x="137" y="228"/>
                  </a:cubicBezTo>
                  <a:cubicBezTo>
                    <a:pt x="24" y="459"/>
                    <a:pt x="24" y="459"/>
                    <a:pt x="24" y="459"/>
                  </a:cubicBezTo>
                  <a:cubicBezTo>
                    <a:pt x="3" y="507"/>
                    <a:pt x="0" y="543"/>
                    <a:pt x="14" y="564"/>
                  </a:cubicBezTo>
                  <a:cubicBezTo>
                    <a:pt x="25" y="580"/>
                    <a:pt x="43" y="588"/>
                    <a:pt x="70" y="588"/>
                  </a:cubicBezTo>
                  <a:cubicBezTo>
                    <a:pt x="484" y="588"/>
                    <a:pt x="484" y="588"/>
                    <a:pt x="484" y="588"/>
                  </a:cubicBezTo>
                  <a:cubicBezTo>
                    <a:pt x="511" y="588"/>
                    <a:pt x="530" y="580"/>
                    <a:pt x="540" y="564"/>
                  </a:cubicBezTo>
                  <a:cubicBezTo>
                    <a:pt x="554" y="543"/>
                    <a:pt x="551" y="507"/>
                    <a:pt x="530" y="458"/>
                  </a:cubicBezTo>
                  <a:close/>
                  <a:moveTo>
                    <a:pt x="165" y="14"/>
                  </a:moveTo>
                  <a:cubicBezTo>
                    <a:pt x="383" y="14"/>
                    <a:pt x="383" y="14"/>
                    <a:pt x="383" y="14"/>
                  </a:cubicBezTo>
                  <a:cubicBezTo>
                    <a:pt x="383" y="55"/>
                    <a:pt x="383" y="55"/>
                    <a:pt x="383" y="55"/>
                  </a:cubicBezTo>
                  <a:cubicBezTo>
                    <a:pt x="361" y="55"/>
                    <a:pt x="361" y="55"/>
                    <a:pt x="361" y="55"/>
                  </a:cubicBezTo>
                  <a:cubicBezTo>
                    <a:pt x="193" y="55"/>
                    <a:pt x="193" y="55"/>
                    <a:pt x="193" y="55"/>
                  </a:cubicBezTo>
                  <a:cubicBezTo>
                    <a:pt x="165" y="55"/>
                    <a:pt x="165" y="55"/>
                    <a:pt x="165" y="55"/>
                  </a:cubicBezTo>
                  <a:lnTo>
                    <a:pt x="165" y="14"/>
                  </a:lnTo>
                  <a:close/>
                  <a:moveTo>
                    <a:pt x="200" y="133"/>
                  </a:moveTo>
                  <a:cubicBezTo>
                    <a:pt x="200" y="132"/>
                    <a:pt x="200" y="131"/>
                    <a:pt x="200" y="129"/>
                  </a:cubicBezTo>
                  <a:cubicBezTo>
                    <a:pt x="200" y="69"/>
                    <a:pt x="200" y="69"/>
                    <a:pt x="200" y="69"/>
                  </a:cubicBezTo>
                  <a:cubicBezTo>
                    <a:pt x="354" y="69"/>
                    <a:pt x="354" y="69"/>
                    <a:pt x="354" y="69"/>
                  </a:cubicBezTo>
                  <a:cubicBezTo>
                    <a:pt x="354" y="129"/>
                    <a:pt x="354" y="129"/>
                    <a:pt x="354" y="129"/>
                  </a:cubicBezTo>
                  <a:cubicBezTo>
                    <a:pt x="354" y="131"/>
                    <a:pt x="354" y="132"/>
                    <a:pt x="355" y="133"/>
                  </a:cubicBezTo>
                  <a:cubicBezTo>
                    <a:pt x="401" y="228"/>
                    <a:pt x="401" y="228"/>
                    <a:pt x="401" y="228"/>
                  </a:cubicBezTo>
                  <a:cubicBezTo>
                    <a:pt x="392" y="238"/>
                    <a:pt x="379" y="243"/>
                    <a:pt x="366" y="243"/>
                  </a:cubicBezTo>
                  <a:cubicBezTo>
                    <a:pt x="350" y="243"/>
                    <a:pt x="336" y="237"/>
                    <a:pt x="327" y="224"/>
                  </a:cubicBezTo>
                  <a:cubicBezTo>
                    <a:pt x="326" y="222"/>
                    <a:pt x="324" y="221"/>
                    <a:pt x="321" y="221"/>
                  </a:cubicBezTo>
                  <a:cubicBezTo>
                    <a:pt x="321" y="221"/>
                    <a:pt x="321" y="221"/>
                    <a:pt x="321" y="221"/>
                  </a:cubicBezTo>
                  <a:cubicBezTo>
                    <a:pt x="319" y="221"/>
                    <a:pt x="317" y="222"/>
                    <a:pt x="316" y="224"/>
                  </a:cubicBezTo>
                  <a:cubicBezTo>
                    <a:pt x="307" y="236"/>
                    <a:pt x="292" y="243"/>
                    <a:pt x="277" y="243"/>
                  </a:cubicBezTo>
                  <a:cubicBezTo>
                    <a:pt x="262" y="243"/>
                    <a:pt x="247" y="236"/>
                    <a:pt x="238" y="224"/>
                  </a:cubicBezTo>
                  <a:cubicBezTo>
                    <a:pt x="236" y="220"/>
                    <a:pt x="230" y="220"/>
                    <a:pt x="227" y="224"/>
                  </a:cubicBezTo>
                  <a:cubicBezTo>
                    <a:pt x="218" y="236"/>
                    <a:pt x="204" y="243"/>
                    <a:pt x="188" y="243"/>
                  </a:cubicBezTo>
                  <a:cubicBezTo>
                    <a:pt x="175" y="243"/>
                    <a:pt x="162" y="238"/>
                    <a:pt x="153" y="228"/>
                  </a:cubicBezTo>
                  <a:lnTo>
                    <a:pt x="200" y="133"/>
                  </a:lnTo>
                  <a:close/>
                  <a:moveTo>
                    <a:pt x="528" y="557"/>
                  </a:moveTo>
                  <a:cubicBezTo>
                    <a:pt x="521" y="568"/>
                    <a:pt x="506" y="574"/>
                    <a:pt x="484" y="574"/>
                  </a:cubicBezTo>
                  <a:cubicBezTo>
                    <a:pt x="70" y="574"/>
                    <a:pt x="70" y="574"/>
                    <a:pt x="70" y="574"/>
                  </a:cubicBezTo>
                  <a:cubicBezTo>
                    <a:pt x="48" y="574"/>
                    <a:pt x="34" y="568"/>
                    <a:pt x="26" y="557"/>
                  </a:cubicBezTo>
                  <a:cubicBezTo>
                    <a:pt x="15" y="539"/>
                    <a:pt x="18" y="507"/>
                    <a:pt x="37" y="465"/>
                  </a:cubicBezTo>
                  <a:cubicBezTo>
                    <a:pt x="147" y="241"/>
                    <a:pt x="147" y="241"/>
                    <a:pt x="147" y="241"/>
                  </a:cubicBezTo>
                  <a:cubicBezTo>
                    <a:pt x="158" y="251"/>
                    <a:pt x="173" y="257"/>
                    <a:pt x="188" y="257"/>
                  </a:cubicBezTo>
                  <a:cubicBezTo>
                    <a:pt x="205" y="257"/>
                    <a:pt x="221" y="251"/>
                    <a:pt x="233" y="239"/>
                  </a:cubicBezTo>
                  <a:cubicBezTo>
                    <a:pt x="244" y="251"/>
                    <a:pt x="260" y="257"/>
                    <a:pt x="277" y="257"/>
                  </a:cubicBezTo>
                  <a:cubicBezTo>
                    <a:pt x="294" y="257"/>
                    <a:pt x="310" y="251"/>
                    <a:pt x="321" y="239"/>
                  </a:cubicBezTo>
                  <a:cubicBezTo>
                    <a:pt x="333" y="251"/>
                    <a:pt x="348" y="257"/>
                    <a:pt x="365" y="257"/>
                  </a:cubicBezTo>
                  <a:cubicBezTo>
                    <a:pt x="365" y="257"/>
                    <a:pt x="366" y="257"/>
                    <a:pt x="366" y="257"/>
                  </a:cubicBezTo>
                  <a:cubicBezTo>
                    <a:pt x="382" y="257"/>
                    <a:pt x="396" y="251"/>
                    <a:pt x="408" y="241"/>
                  </a:cubicBezTo>
                  <a:cubicBezTo>
                    <a:pt x="517" y="464"/>
                    <a:pt x="517" y="464"/>
                    <a:pt x="517" y="464"/>
                  </a:cubicBezTo>
                  <a:cubicBezTo>
                    <a:pt x="536" y="507"/>
                    <a:pt x="540" y="539"/>
                    <a:pt x="528" y="557"/>
                  </a:cubicBezTo>
                  <a:close/>
                  <a:moveTo>
                    <a:pt x="222" y="384"/>
                  </a:moveTo>
                  <a:cubicBezTo>
                    <a:pt x="198" y="384"/>
                    <a:pt x="179" y="403"/>
                    <a:pt x="179" y="427"/>
                  </a:cubicBezTo>
                  <a:cubicBezTo>
                    <a:pt x="179" y="450"/>
                    <a:pt x="198" y="470"/>
                    <a:pt x="222" y="470"/>
                  </a:cubicBezTo>
                  <a:cubicBezTo>
                    <a:pt x="245" y="470"/>
                    <a:pt x="264" y="450"/>
                    <a:pt x="264" y="427"/>
                  </a:cubicBezTo>
                  <a:cubicBezTo>
                    <a:pt x="264" y="403"/>
                    <a:pt x="245" y="384"/>
                    <a:pt x="222" y="384"/>
                  </a:cubicBezTo>
                  <a:close/>
                  <a:moveTo>
                    <a:pt x="222" y="456"/>
                  </a:moveTo>
                  <a:cubicBezTo>
                    <a:pt x="206" y="456"/>
                    <a:pt x="193" y="443"/>
                    <a:pt x="193" y="427"/>
                  </a:cubicBezTo>
                  <a:cubicBezTo>
                    <a:pt x="193" y="411"/>
                    <a:pt x="206" y="398"/>
                    <a:pt x="222" y="398"/>
                  </a:cubicBezTo>
                  <a:cubicBezTo>
                    <a:pt x="238" y="398"/>
                    <a:pt x="250" y="411"/>
                    <a:pt x="250" y="427"/>
                  </a:cubicBezTo>
                  <a:cubicBezTo>
                    <a:pt x="250" y="443"/>
                    <a:pt x="238" y="456"/>
                    <a:pt x="222" y="456"/>
                  </a:cubicBezTo>
                  <a:close/>
                  <a:moveTo>
                    <a:pt x="352" y="314"/>
                  </a:moveTo>
                  <a:cubicBezTo>
                    <a:pt x="319" y="314"/>
                    <a:pt x="292" y="341"/>
                    <a:pt x="292" y="374"/>
                  </a:cubicBezTo>
                  <a:cubicBezTo>
                    <a:pt x="292" y="407"/>
                    <a:pt x="319" y="434"/>
                    <a:pt x="352" y="434"/>
                  </a:cubicBezTo>
                  <a:cubicBezTo>
                    <a:pt x="385" y="434"/>
                    <a:pt x="412" y="407"/>
                    <a:pt x="412" y="374"/>
                  </a:cubicBezTo>
                  <a:cubicBezTo>
                    <a:pt x="412" y="341"/>
                    <a:pt x="385" y="314"/>
                    <a:pt x="352" y="314"/>
                  </a:cubicBezTo>
                  <a:close/>
                  <a:moveTo>
                    <a:pt x="352" y="420"/>
                  </a:moveTo>
                  <a:cubicBezTo>
                    <a:pt x="327" y="420"/>
                    <a:pt x="306" y="400"/>
                    <a:pt x="306" y="374"/>
                  </a:cubicBezTo>
                  <a:cubicBezTo>
                    <a:pt x="306" y="349"/>
                    <a:pt x="327" y="328"/>
                    <a:pt x="352" y="328"/>
                  </a:cubicBezTo>
                  <a:cubicBezTo>
                    <a:pt x="378" y="328"/>
                    <a:pt x="398" y="349"/>
                    <a:pt x="398" y="374"/>
                  </a:cubicBezTo>
                  <a:cubicBezTo>
                    <a:pt x="398" y="400"/>
                    <a:pt x="378" y="420"/>
                    <a:pt x="352" y="420"/>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19" name="Group 18">
            <a:extLst>
              <a:ext uri="{FF2B5EF4-FFF2-40B4-BE49-F238E27FC236}">
                <a16:creationId xmlns:a16="http://schemas.microsoft.com/office/drawing/2014/main" id="{F094E403-707C-433E-9513-29FC5AB4D295}"/>
              </a:ext>
            </a:extLst>
          </p:cNvPr>
          <p:cNvGrpSpPr/>
          <p:nvPr/>
        </p:nvGrpSpPr>
        <p:grpSpPr>
          <a:xfrm>
            <a:off x="11169476" y="2589578"/>
            <a:ext cx="1559292" cy="1517844"/>
            <a:chOff x="11007203" y="2958084"/>
            <a:chExt cx="1097280" cy="1097280"/>
          </a:xfrm>
        </p:grpSpPr>
        <p:sp>
          <p:nvSpPr>
            <p:cNvPr id="17" name="Oval 75">
              <a:extLst>
                <a:ext uri="{FF2B5EF4-FFF2-40B4-BE49-F238E27FC236}">
                  <a16:creationId xmlns:a16="http://schemas.microsoft.com/office/drawing/2014/main" id="{E9809435-272B-4E35-8395-C4E13AB8DE79}"/>
                </a:ext>
              </a:extLst>
            </p:cNvPr>
            <p:cNvSpPr>
              <a:spLocks noChangeArrowheads="1"/>
            </p:cNvSpPr>
            <p:nvPr/>
          </p:nvSpPr>
          <p:spPr bwMode="auto">
            <a:xfrm>
              <a:off x="11007203" y="2958084"/>
              <a:ext cx="1097280" cy="1097280"/>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8" name="Freeform 151">
              <a:extLst>
                <a:ext uri="{FF2B5EF4-FFF2-40B4-BE49-F238E27FC236}">
                  <a16:creationId xmlns:a16="http://schemas.microsoft.com/office/drawing/2014/main" id="{D232F21A-5E6E-4530-AF32-5AA759EEEC8E}"/>
                </a:ext>
              </a:extLst>
            </p:cNvPr>
            <p:cNvSpPr>
              <a:spLocks noEditPoints="1"/>
            </p:cNvSpPr>
            <p:nvPr/>
          </p:nvSpPr>
          <p:spPr bwMode="auto">
            <a:xfrm>
              <a:off x="11353461" y="3153899"/>
              <a:ext cx="404764" cy="639980"/>
            </a:xfrm>
            <a:custGeom>
              <a:avLst/>
              <a:gdLst>
                <a:gd name="T0" fmla="*/ 341 w 392"/>
                <a:gd name="T1" fmla="*/ 317 h 620"/>
                <a:gd name="T2" fmla="*/ 175 w 392"/>
                <a:gd name="T3" fmla="*/ 482 h 620"/>
                <a:gd name="T4" fmla="*/ 170 w 392"/>
                <a:gd name="T5" fmla="*/ 479 h 620"/>
                <a:gd name="T6" fmla="*/ 76 w 392"/>
                <a:gd name="T7" fmla="*/ 374 h 620"/>
                <a:gd name="T8" fmla="*/ 175 w 392"/>
                <a:gd name="T9" fmla="*/ 462 h 620"/>
                <a:gd name="T10" fmla="*/ 341 w 392"/>
                <a:gd name="T11" fmla="*/ 305 h 620"/>
                <a:gd name="T12" fmla="*/ 392 w 392"/>
                <a:gd name="T13" fmla="*/ 585 h 620"/>
                <a:gd name="T14" fmla="*/ 35 w 392"/>
                <a:gd name="T15" fmla="*/ 620 h 620"/>
                <a:gd name="T16" fmla="*/ 0 w 392"/>
                <a:gd name="T17" fmla="*/ 143 h 620"/>
                <a:gd name="T18" fmla="*/ 70 w 392"/>
                <a:gd name="T19" fmla="*/ 107 h 620"/>
                <a:gd name="T20" fmla="*/ 105 w 392"/>
                <a:gd name="T21" fmla="*/ 66 h 620"/>
                <a:gd name="T22" fmla="*/ 133 w 392"/>
                <a:gd name="T23" fmla="*/ 48 h 620"/>
                <a:gd name="T24" fmla="*/ 218 w 392"/>
                <a:gd name="T25" fmla="*/ 0 h 620"/>
                <a:gd name="T26" fmla="*/ 267 w 392"/>
                <a:gd name="T27" fmla="*/ 66 h 620"/>
                <a:gd name="T28" fmla="*/ 330 w 392"/>
                <a:gd name="T29" fmla="*/ 102 h 620"/>
                <a:gd name="T30" fmla="*/ 357 w 392"/>
                <a:gd name="T31" fmla="*/ 107 h 620"/>
                <a:gd name="T32" fmla="*/ 86 w 392"/>
                <a:gd name="T33" fmla="*/ 129 h 620"/>
                <a:gd name="T34" fmla="*/ 294 w 392"/>
                <a:gd name="T35" fmla="*/ 148 h 620"/>
                <a:gd name="T36" fmla="*/ 314 w 392"/>
                <a:gd name="T37" fmla="*/ 102 h 620"/>
                <a:gd name="T38" fmla="*/ 259 w 392"/>
                <a:gd name="T39" fmla="*/ 82 h 620"/>
                <a:gd name="T40" fmla="*/ 251 w 392"/>
                <a:gd name="T41" fmla="*/ 48 h 620"/>
                <a:gd name="T42" fmla="*/ 182 w 392"/>
                <a:gd name="T43" fmla="*/ 16 h 620"/>
                <a:gd name="T44" fmla="*/ 149 w 392"/>
                <a:gd name="T45" fmla="*/ 74 h 620"/>
                <a:gd name="T46" fmla="*/ 105 w 392"/>
                <a:gd name="T47" fmla="*/ 82 h 620"/>
                <a:gd name="T48" fmla="*/ 86 w 392"/>
                <a:gd name="T49" fmla="*/ 129 h 620"/>
                <a:gd name="T50" fmla="*/ 357 w 392"/>
                <a:gd name="T51" fmla="*/ 123 h 620"/>
                <a:gd name="T52" fmla="*/ 330 w 392"/>
                <a:gd name="T53" fmla="*/ 129 h 620"/>
                <a:gd name="T54" fmla="*/ 105 w 392"/>
                <a:gd name="T55" fmla="*/ 164 h 620"/>
                <a:gd name="T56" fmla="*/ 70 w 392"/>
                <a:gd name="T57" fmla="*/ 123 h 620"/>
                <a:gd name="T58" fmla="*/ 16 w 392"/>
                <a:gd name="T59" fmla="*/ 143 h 620"/>
                <a:gd name="T60" fmla="*/ 35 w 392"/>
                <a:gd name="T61" fmla="*/ 604 h 620"/>
                <a:gd name="T62" fmla="*/ 376 w 392"/>
                <a:gd name="T63" fmla="*/ 585 h 6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2" h="620">
                  <a:moveTo>
                    <a:pt x="341" y="305"/>
                  </a:moveTo>
                  <a:cubicBezTo>
                    <a:pt x="345" y="308"/>
                    <a:pt x="345" y="313"/>
                    <a:pt x="341" y="317"/>
                  </a:cubicBezTo>
                  <a:cubicBezTo>
                    <a:pt x="181" y="479"/>
                    <a:pt x="181" y="479"/>
                    <a:pt x="181" y="479"/>
                  </a:cubicBezTo>
                  <a:cubicBezTo>
                    <a:pt x="180" y="481"/>
                    <a:pt x="178" y="482"/>
                    <a:pt x="175" y="482"/>
                  </a:cubicBezTo>
                  <a:cubicBezTo>
                    <a:pt x="175" y="482"/>
                    <a:pt x="175" y="482"/>
                    <a:pt x="175" y="482"/>
                  </a:cubicBezTo>
                  <a:cubicBezTo>
                    <a:pt x="173" y="482"/>
                    <a:pt x="171" y="481"/>
                    <a:pt x="170" y="479"/>
                  </a:cubicBezTo>
                  <a:cubicBezTo>
                    <a:pt x="76" y="385"/>
                    <a:pt x="76" y="385"/>
                    <a:pt x="76" y="385"/>
                  </a:cubicBezTo>
                  <a:cubicBezTo>
                    <a:pt x="73" y="382"/>
                    <a:pt x="73" y="377"/>
                    <a:pt x="76" y="374"/>
                  </a:cubicBezTo>
                  <a:cubicBezTo>
                    <a:pt x="79" y="371"/>
                    <a:pt x="84" y="371"/>
                    <a:pt x="87" y="374"/>
                  </a:cubicBezTo>
                  <a:cubicBezTo>
                    <a:pt x="175" y="462"/>
                    <a:pt x="175" y="462"/>
                    <a:pt x="175" y="462"/>
                  </a:cubicBezTo>
                  <a:cubicBezTo>
                    <a:pt x="330" y="305"/>
                    <a:pt x="330" y="305"/>
                    <a:pt x="330" y="305"/>
                  </a:cubicBezTo>
                  <a:cubicBezTo>
                    <a:pt x="333" y="302"/>
                    <a:pt x="338" y="302"/>
                    <a:pt x="341" y="305"/>
                  </a:cubicBezTo>
                  <a:close/>
                  <a:moveTo>
                    <a:pt x="392" y="143"/>
                  </a:moveTo>
                  <a:cubicBezTo>
                    <a:pt x="392" y="585"/>
                    <a:pt x="392" y="585"/>
                    <a:pt x="392" y="585"/>
                  </a:cubicBezTo>
                  <a:cubicBezTo>
                    <a:pt x="392" y="604"/>
                    <a:pt x="376" y="620"/>
                    <a:pt x="357" y="620"/>
                  </a:cubicBezTo>
                  <a:cubicBezTo>
                    <a:pt x="35" y="620"/>
                    <a:pt x="35" y="620"/>
                    <a:pt x="35" y="620"/>
                  </a:cubicBezTo>
                  <a:cubicBezTo>
                    <a:pt x="16" y="620"/>
                    <a:pt x="0" y="604"/>
                    <a:pt x="0" y="585"/>
                  </a:cubicBezTo>
                  <a:cubicBezTo>
                    <a:pt x="0" y="143"/>
                    <a:pt x="0" y="143"/>
                    <a:pt x="0" y="143"/>
                  </a:cubicBezTo>
                  <a:cubicBezTo>
                    <a:pt x="0" y="123"/>
                    <a:pt x="16" y="107"/>
                    <a:pt x="35" y="107"/>
                  </a:cubicBezTo>
                  <a:cubicBezTo>
                    <a:pt x="70" y="107"/>
                    <a:pt x="70" y="107"/>
                    <a:pt x="70" y="107"/>
                  </a:cubicBezTo>
                  <a:cubicBezTo>
                    <a:pt x="70" y="102"/>
                    <a:pt x="70" y="102"/>
                    <a:pt x="70" y="102"/>
                  </a:cubicBezTo>
                  <a:cubicBezTo>
                    <a:pt x="70" y="82"/>
                    <a:pt x="86" y="66"/>
                    <a:pt x="105" y="66"/>
                  </a:cubicBezTo>
                  <a:cubicBezTo>
                    <a:pt x="133" y="66"/>
                    <a:pt x="133" y="66"/>
                    <a:pt x="133" y="66"/>
                  </a:cubicBezTo>
                  <a:cubicBezTo>
                    <a:pt x="133" y="48"/>
                    <a:pt x="133" y="48"/>
                    <a:pt x="133" y="48"/>
                  </a:cubicBezTo>
                  <a:cubicBezTo>
                    <a:pt x="133" y="22"/>
                    <a:pt x="155" y="0"/>
                    <a:pt x="182" y="0"/>
                  </a:cubicBezTo>
                  <a:cubicBezTo>
                    <a:pt x="218" y="0"/>
                    <a:pt x="218" y="0"/>
                    <a:pt x="218" y="0"/>
                  </a:cubicBezTo>
                  <a:cubicBezTo>
                    <a:pt x="245" y="0"/>
                    <a:pt x="267" y="22"/>
                    <a:pt x="267" y="48"/>
                  </a:cubicBezTo>
                  <a:cubicBezTo>
                    <a:pt x="267" y="66"/>
                    <a:pt x="267" y="66"/>
                    <a:pt x="267" y="66"/>
                  </a:cubicBezTo>
                  <a:cubicBezTo>
                    <a:pt x="294" y="66"/>
                    <a:pt x="294" y="66"/>
                    <a:pt x="294" y="66"/>
                  </a:cubicBezTo>
                  <a:cubicBezTo>
                    <a:pt x="314" y="66"/>
                    <a:pt x="330" y="82"/>
                    <a:pt x="330" y="102"/>
                  </a:cubicBezTo>
                  <a:cubicBezTo>
                    <a:pt x="330" y="107"/>
                    <a:pt x="330" y="107"/>
                    <a:pt x="330" y="107"/>
                  </a:cubicBezTo>
                  <a:cubicBezTo>
                    <a:pt x="357" y="107"/>
                    <a:pt x="357" y="107"/>
                    <a:pt x="357" y="107"/>
                  </a:cubicBezTo>
                  <a:cubicBezTo>
                    <a:pt x="376" y="107"/>
                    <a:pt x="392" y="123"/>
                    <a:pt x="392" y="143"/>
                  </a:cubicBezTo>
                  <a:close/>
                  <a:moveTo>
                    <a:pt x="86" y="129"/>
                  </a:moveTo>
                  <a:cubicBezTo>
                    <a:pt x="86" y="139"/>
                    <a:pt x="95" y="148"/>
                    <a:pt x="105" y="148"/>
                  </a:cubicBezTo>
                  <a:cubicBezTo>
                    <a:pt x="294" y="148"/>
                    <a:pt x="294" y="148"/>
                    <a:pt x="294" y="148"/>
                  </a:cubicBezTo>
                  <a:cubicBezTo>
                    <a:pt x="305" y="148"/>
                    <a:pt x="314" y="139"/>
                    <a:pt x="314" y="129"/>
                  </a:cubicBezTo>
                  <a:cubicBezTo>
                    <a:pt x="314" y="102"/>
                    <a:pt x="314" y="102"/>
                    <a:pt x="314" y="102"/>
                  </a:cubicBezTo>
                  <a:cubicBezTo>
                    <a:pt x="314" y="91"/>
                    <a:pt x="305" y="82"/>
                    <a:pt x="294" y="82"/>
                  </a:cubicBezTo>
                  <a:cubicBezTo>
                    <a:pt x="259" y="82"/>
                    <a:pt x="259" y="82"/>
                    <a:pt x="259" y="82"/>
                  </a:cubicBezTo>
                  <a:cubicBezTo>
                    <a:pt x="254" y="82"/>
                    <a:pt x="251" y="79"/>
                    <a:pt x="251" y="74"/>
                  </a:cubicBezTo>
                  <a:cubicBezTo>
                    <a:pt x="251" y="48"/>
                    <a:pt x="251" y="48"/>
                    <a:pt x="251" y="48"/>
                  </a:cubicBezTo>
                  <a:cubicBezTo>
                    <a:pt x="251" y="30"/>
                    <a:pt x="236" y="16"/>
                    <a:pt x="218" y="16"/>
                  </a:cubicBezTo>
                  <a:cubicBezTo>
                    <a:pt x="182" y="16"/>
                    <a:pt x="182" y="16"/>
                    <a:pt x="182" y="16"/>
                  </a:cubicBezTo>
                  <a:cubicBezTo>
                    <a:pt x="164" y="16"/>
                    <a:pt x="149" y="30"/>
                    <a:pt x="149" y="48"/>
                  </a:cubicBezTo>
                  <a:cubicBezTo>
                    <a:pt x="149" y="74"/>
                    <a:pt x="149" y="74"/>
                    <a:pt x="149" y="74"/>
                  </a:cubicBezTo>
                  <a:cubicBezTo>
                    <a:pt x="149" y="79"/>
                    <a:pt x="146" y="82"/>
                    <a:pt x="141" y="82"/>
                  </a:cubicBezTo>
                  <a:cubicBezTo>
                    <a:pt x="105" y="82"/>
                    <a:pt x="105" y="82"/>
                    <a:pt x="105" y="82"/>
                  </a:cubicBezTo>
                  <a:cubicBezTo>
                    <a:pt x="95" y="82"/>
                    <a:pt x="86" y="91"/>
                    <a:pt x="86" y="102"/>
                  </a:cubicBezTo>
                  <a:lnTo>
                    <a:pt x="86" y="129"/>
                  </a:lnTo>
                  <a:close/>
                  <a:moveTo>
                    <a:pt x="376" y="143"/>
                  </a:moveTo>
                  <a:cubicBezTo>
                    <a:pt x="376" y="132"/>
                    <a:pt x="368" y="123"/>
                    <a:pt x="357" y="123"/>
                  </a:cubicBezTo>
                  <a:cubicBezTo>
                    <a:pt x="330" y="123"/>
                    <a:pt x="330" y="123"/>
                    <a:pt x="330" y="123"/>
                  </a:cubicBezTo>
                  <a:cubicBezTo>
                    <a:pt x="330" y="129"/>
                    <a:pt x="330" y="129"/>
                    <a:pt x="330" y="129"/>
                  </a:cubicBezTo>
                  <a:cubicBezTo>
                    <a:pt x="330" y="148"/>
                    <a:pt x="314" y="164"/>
                    <a:pt x="294" y="164"/>
                  </a:cubicBezTo>
                  <a:cubicBezTo>
                    <a:pt x="105" y="164"/>
                    <a:pt x="105" y="164"/>
                    <a:pt x="105" y="164"/>
                  </a:cubicBezTo>
                  <a:cubicBezTo>
                    <a:pt x="86" y="164"/>
                    <a:pt x="70" y="148"/>
                    <a:pt x="70" y="129"/>
                  </a:cubicBezTo>
                  <a:cubicBezTo>
                    <a:pt x="70" y="123"/>
                    <a:pt x="70" y="123"/>
                    <a:pt x="70" y="123"/>
                  </a:cubicBezTo>
                  <a:cubicBezTo>
                    <a:pt x="35" y="123"/>
                    <a:pt x="35" y="123"/>
                    <a:pt x="35" y="123"/>
                  </a:cubicBezTo>
                  <a:cubicBezTo>
                    <a:pt x="24" y="123"/>
                    <a:pt x="16" y="132"/>
                    <a:pt x="16" y="143"/>
                  </a:cubicBezTo>
                  <a:cubicBezTo>
                    <a:pt x="16" y="585"/>
                    <a:pt x="16" y="585"/>
                    <a:pt x="16" y="585"/>
                  </a:cubicBezTo>
                  <a:cubicBezTo>
                    <a:pt x="16" y="596"/>
                    <a:pt x="24" y="604"/>
                    <a:pt x="35" y="604"/>
                  </a:cubicBezTo>
                  <a:cubicBezTo>
                    <a:pt x="357" y="604"/>
                    <a:pt x="357" y="604"/>
                    <a:pt x="357" y="604"/>
                  </a:cubicBezTo>
                  <a:cubicBezTo>
                    <a:pt x="368" y="604"/>
                    <a:pt x="376" y="596"/>
                    <a:pt x="376" y="585"/>
                  </a:cubicBezTo>
                  <a:lnTo>
                    <a:pt x="376" y="143"/>
                  </a:ln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2" name="Group 21">
            <a:extLst>
              <a:ext uri="{FF2B5EF4-FFF2-40B4-BE49-F238E27FC236}">
                <a16:creationId xmlns:a16="http://schemas.microsoft.com/office/drawing/2014/main" id="{4CCA2B79-A849-4877-897D-45CE58E23802}"/>
              </a:ext>
            </a:extLst>
          </p:cNvPr>
          <p:cNvGrpSpPr/>
          <p:nvPr/>
        </p:nvGrpSpPr>
        <p:grpSpPr>
          <a:xfrm>
            <a:off x="11169475" y="5415098"/>
            <a:ext cx="1559293" cy="1517844"/>
            <a:chOff x="4736477" y="3059188"/>
            <a:chExt cx="1097280" cy="1097280"/>
          </a:xfrm>
        </p:grpSpPr>
        <p:sp>
          <p:nvSpPr>
            <p:cNvPr id="20" name="Oval 41">
              <a:extLst>
                <a:ext uri="{FF2B5EF4-FFF2-40B4-BE49-F238E27FC236}">
                  <a16:creationId xmlns:a16="http://schemas.microsoft.com/office/drawing/2014/main" id="{EBC9D613-4F42-4157-AF3B-2D8BA876F41E}"/>
                </a:ext>
              </a:extLst>
            </p:cNvPr>
            <p:cNvSpPr>
              <a:spLocks noChangeArrowheads="1"/>
            </p:cNvSpPr>
            <p:nvPr/>
          </p:nvSpPr>
          <p:spPr bwMode="auto">
            <a:xfrm>
              <a:off x="4736477" y="3059188"/>
              <a:ext cx="1097280" cy="1097280"/>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1" name="Freeform 98">
              <a:extLst>
                <a:ext uri="{FF2B5EF4-FFF2-40B4-BE49-F238E27FC236}">
                  <a16:creationId xmlns:a16="http://schemas.microsoft.com/office/drawing/2014/main" id="{27B5CE82-0BD0-4E4D-9834-07965AA3D1B6}"/>
                </a:ext>
              </a:extLst>
            </p:cNvPr>
            <p:cNvSpPr>
              <a:spLocks noEditPoints="1"/>
            </p:cNvSpPr>
            <p:nvPr/>
          </p:nvSpPr>
          <p:spPr bwMode="auto">
            <a:xfrm>
              <a:off x="4917436" y="3238994"/>
              <a:ext cx="736515" cy="737667"/>
            </a:xfrm>
            <a:custGeom>
              <a:avLst/>
              <a:gdLst>
                <a:gd name="T0" fmla="*/ 486 w 714"/>
                <a:gd name="T1" fmla="*/ 214 h 715"/>
                <a:gd name="T2" fmla="*/ 375 w 714"/>
                <a:gd name="T3" fmla="*/ 329 h 715"/>
                <a:gd name="T4" fmla="*/ 357 w 714"/>
                <a:gd name="T5" fmla="*/ 324 h 715"/>
                <a:gd name="T6" fmla="*/ 342 w 714"/>
                <a:gd name="T7" fmla="*/ 327 h 715"/>
                <a:gd name="T8" fmla="*/ 183 w 714"/>
                <a:gd name="T9" fmla="*/ 124 h 715"/>
                <a:gd name="T10" fmla="*/ 173 w 714"/>
                <a:gd name="T11" fmla="*/ 123 h 715"/>
                <a:gd name="T12" fmla="*/ 172 w 714"/>
                <a:gd name="T13" fmla="*/ 133 h 715"/>
                <a:gd name="T14" fmla="*/ 331 w 714"/>
                <a:gd name="T15" fmla="*/ 336 h 715"/>
                <a:gd name="T16" fmla="*/ 323 w 714"/>
                <a:gd name="T17" fmla="*/ 358 h 715"/>
                <a:gd name="T18" fmla="*/ 357 w 714"/>
                <a:gd name="T19" fmla="*/ 391 h 715"/>
                <a:gd name="T20" fmla="*/ 390 w 714"/>
                <a:gd name="T21" fmla="*/ 358 h 715"/>
                <a:gd name="T22" fmla="*/ 385 w 714"/>
                <a:gd name="T23" fmla="*/ 339 h 715"/>
                <a:gd name="T24" fmla="*/ 496 w 714"/>
                <a:gd name="T25" fmla="*/ 223 h 715"/>
                <a:gd name="T26" fmla="*/ 496 w 714"/>
                <a:gd name="T27" fmla="*/ 213 h 715"/>
                <a:gd name="T28" fmla="*/ 486 w 714"/>
                <a:gd name="T29" fmla="*/ 214 h 715"/>
                <a:gd name="T30" fmla="*/ 357 w 714"/>
                <a:gd name="T31" fmla="*/ 377 h 715"/>
                <a:gd name="T32" fmla="*/ 337 w 714"/>
                <a:gd name="T33" fmla="*/ 358 h 715"/>
                <a:gd name="T34" fmla="*/ 357 w 714"/>
                <a:gd name="T35" fmla="*/ 338 h 715"/>
                <a:gd name="T36" fmla="*/ 376 w 714"/>
                <a:gd name="T37" fmla="*/ 358 h 715"/>
                <a:gd name="T38" fmla="*/ 357 w 714"/>
                <a:gd name="T39" fmla="*/ 377 h 715"/>
                <a:gd name="T40" fmla="*/ 714 w 714"/>
                <a:gd name="T41" fmla="*/ 358 h 715"/>
                <a:gd name="T42" fmla="*/ 714 w 714"/>
                <a:gd name="T43" fmla="*/ 358 h 715"/>
                <a:gd name="T44" fmla="*/ 357 w 714"/>
                <a:gd name="T45" fmla="*/ 0 h 715"/>
                <a:gd name="T46" fmla="*/ 357 w 714"/>
                <a:gd name="T47" fmla="*/ 0 h 715"/>
                <a:gd name="T48" fmla="*/ 357 w 714"/>
                <a:gd name="T49" fmla="*/ 0 h 715"/>
                <a:gd name="T50" fmla="*/ 357 w 714"/>
                <a:gd name="T51" fmla="*/ 0 h 715"/>
                <a:gd name="T52" fmla="*/ 0 w 714"/>
                <a:gd name="T53" fmla="*/ 358 h 715"/>
                <a:gd name="T54" fmla="*/ 0 w 714"/>
                <a:gd name="T55" fmla="*/ 358 h 715"/>
                <a:gd name="T56" fmla="*/ 0 w 714"/>
                <a:gd name="T57" fmla="*/ 358 h 715"/>
                <a:gd name="T58" fmla="*/ 0 w 714"/>
                <a:gd name="T59" fmla="*/ 358 h 715"/>
                <a:gd name="T60" fmla="*/ 357 w 714"/>
                <a:gd name="T61" fmla="*/ 715 h 715"/>
                <a:gd name="T62" fmla="*/ 357 w 714"/>
                <a:gd name="T63" fmla="*/ 715 h 715"/>
                <a:gd name="T64" fmla="*/ 357 w 714"/>
                <a:gd name="T65" fmla="*/ 715 h 715"/>
                <a:gd name="T66" fmla="*/ 357 w 714"/>
                <a:gd name="T67" fmla="*/ 715 h 715"/>
                <a:gd name="T68" fmla="*/ 714 w 714"/>
                <a:gd name="T69" fmla="*/ 358 h 715"/>
                <a:gd name="T70" fmla="*/ 714 w 714"/>
                <a:gd name="T71" fmla="*/ 358 h 715"/>
                <a:gd name="T72" fmla="*/ 364 w 714"/>
                <a:gd name="T73" fmla="*/ 700 h 715"/>
                <a:gd name="T74" fmla="*/ 364 w 714"/>
                <a:gd name="T75" fmla="*/ 662 h 715"/>
                <a:gd name="T76" fmla="*/ 357 w 714"/>
                <a:gd name="T77" fmla="*/ 655 h 715"/>
                <a:gd name="T78" fmla="*/ 350 w 714"/>
                <a:gd name="T79" fmla="*/ 662 h 715"/>
                <a:gd name="T80" fmla="*/ 350 w 714"/>
                <a:gd name="T81" fmla="*/ 700 h 715"/>
                <a:gd name="T82" fmla="*/ 14 w 714"/>
                <a:gd name="T83" fmla="*/ 365 h 715"/>
                <a:gd name="T84" fmla="*/ 52 w 714"/>
                <a:gd name="T85" fmla="*/ 365 h 715"/>
                <a:gd name="T86" fmla="*/ 59 w 714"/>
                <a:gd name="T87" fmla="*/ 358 h 715"/>
                <a:gd name="T88" fmla="*/ 52 w 714"/>
                <a:gd name="T89" fmla="*/ 351 h 715"/>
                <a:gd name="T90" fmla="*/ 14 w 714"/>
                <a:gd name="T91" fmla="*/ 351 h 715"/>
                <a:gd name="T92" fmla="*/ 350 w 714"/>
                <a:gd name="T93" fmla="*/ 15 h 715"/>
                <a:gd name="T94" fmla="*/ 350 w 714"/>
                <a:gd name="T95" fmla="*/ 53 h 715"/>
                <a:gd name="T96" fmla="*/ 357 w 714"/>
                <a:gd name="T97" fmla="*/ 60 h 715"/>
                <a:gd name="T98" fmla="*/ 364 w 714"/>
                <a:gd name="T99" fmla="*/ 53 h 715"/>
                <a:gd name="T100" fmla="*/ 364 w 714"/>
                <a:gd name="T101" fmla="*/ 15 h 715"/>
                <a:gd name="T102" fmla="*/ 699 w 714"/>
                <a:gd name="T103" fmla="*/ 351 h 715"/>
                <a:gd name="T104" fmla="*/ 661 w 714"/>
                <a:gd name="T105" fmla="*/ 351 h 715"/>
                <a:gd name="T106" fmla="*/ 654 w 714"/>
                <a:gd name="T107" fmla="*/ 358 h 715"/>
                <a:gd name="T108" fmla="*/ 661 w 714"/>
                <a:gd name="T109" fmla="*/ 365 h 715"/>
                <a:gd name="T110" fmla="*/ 699 w 714"/>
                <a:gd name="T111" fmla="*/ 365 h 715"/>
                <a:gd name="T112" fmla="*/ 364 w 714"/>
                <a:gd name="T113" fmla="*/ 700 h 7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714" h="715">
                  <a:moveTo>
                    <a:pt x="486" y="214"/>
                  </a:moveTo>
                  <a:cubicBezTo>
                    <a:pt x="375" y="329"/>
                    <a:pt x="375" y="329"/>
                    <a:pt x="375" y="329"/>
                  </a:cubicBezTo>
                  <a:cubicBezTo>
                    <a:pt x="369" y="326"/>
                    <a:pt x="363" y="324"/>
                    <a:pt x="357" y="324"/>
                  </a:cubicBezTo>
                  <a:cubicBezTo>
                    <a:pt x="351" y="324"/>
                    <a:pt x="346" y="325"/>
                    <a:pt x="342" y="327"/>
                  </a:cubicBezTo>
                  <a:cubicBezTo>
                    <a:pt x="183" y="124"/>
                    <a:pt x="183" y="124"/>
                    <a:pt x="183" y="124"/>
                  </a:cubicBezTo>
                  <a:cubicBezTo>
                    <a:pt x="180" y="121"/>
                    <a:pt x="176" y="121"/>
                    <a:pt x="173" y="123"/>
                  </a:cubicBezTo>
                  <a:cubicBezTo>
                    <a:pt x="170" y="126"/>
                    <a:pt x="169" y="130"/>
                    <a:pt x="172" y="133"/>
                  </a:cubicBezTo>
                  <a:cubicBezTo>
                    <a:pt x="331" y="336"/>
                    <a:pt x="331" y="336"/>
                    <a:pt x="331" y="336"/>
                  </a:cubicBezTo>
                  <a:cubicBezTo>
                    <a:pt x="326" y="342"/>
                    <a:pt x="323" y="349"/>
                    <a:pt x="323" y="358"/>
                  </a:cubicBezTo>
                  <a:cubicBezTo>
                    <a:pt x="323" y="376"/>
                    <a:pt x="338" y="391"/>
                    <a:pt x="357" y="391"/>
                  </a:cubicBezTo>
                  <a:cubicBezTo>
                    <a:pt x="375" y="391"/>
                    <a:pt x="390" y="376"/>
                    <a:pt x="390" y="358"/>
                  </a:cubicBezTo>
                  <a:cubicBezTo>
                    <a:pt x="390" y="351"/>
                    <a:pt x="388" y="344"/>
                    <a:pt x="385" y="339"/>
                  </a:cubicBezTo>
                  <a:cubicBezTo>
                    <a:pt x="496" y="223"/>
                    <a:pt x="496" y="223"/>
                    <a:pt x="496" y="223"/>
                  </a:cubicBezTo>
                  <a:cubicBezTo>
                    <a:pt x="499" y="220"/>
                    <a:pt x="499" y="216"/>
                    <a:pt x="496" y="213"/>
                  </a:cubicBezTo>
                  <a:cubicBezTo>
                    <a:pt x="493" y="211"/>
                    <a:pt x="489" y="211"/>
                    <a:pt x="486" y="214"/>
                  </a:cubicBezTo>
                  <a:close/>
                  <a:moveTo>
                    <a:pt x="357" y="377"/>
                  </a:moveTo>
                  <a:cubicBezTo>
                    <a:pt x="346" y="377"/>
                    <a:pt x="337" y="368"/>
                    <a:pt x="337" y="358"/>
                  </a:cubicBezTo>
                  <a:cubicBezTo>
                    <a:pt x="337" y="347"/>
                    <a:pt x="346" y="338"/>
                    <a:pt x="357" y="338"/>
                  </a:cubicBezTo>
                  <a:cubicBezTo>
                    <a:pt x="368" y="338"/>
                    <a:pt x="376" y="347"/>
                    <a:pt x="376" y="358"/>
                  </a:cubicBezTo>
                  <a:cubicBezTo>
                    <a:pt x="376" y="368"/>
                    <a:pt x="368" y="377"/>
                    <a:pt x="357" y="377"/>
                  </a:cubicBezTo>
                  <a:close/>
                  <a:moveTo>
                    <a:pt x="714" y="358"/>
                  </a:moveTo>
                  <a:cubicBezTo>
                    <a:pt x="714" y="358"/>
                    <a:pt x="714" y="358"/>
                    <a:pt x="714" y="358"/>
                  </a:cubicBezTo>
                  <a:cubicBezTo>
                    <a:pt x="714" y="161"/>
                    <a:pt x="553" y="0"/>
                    <a:pt x="357" y="0"/>
                  </a:cubicBezTo>
                  <a:cubicBezTo>
                    <a:pt x="357" y="0"/>
                    <a:pt x="357" y="0"/>
                    <a:pt x="357" y="0"/>
                  </a:cubicBezTo>
                  <a:cubicBezTo>
                    <a:pt x="357" y="0"/>
                    <a:pt x="357" y="0"/>
                    <a:pt x="357" y="0"/>
                  </a:cubicBezTo>
                  <a:cubicBezTo>
                    <a:pt x="357" y="0"/>
                    <a:pt x="357" y="0"/>
                    <a:pt x="357" y="0"/>
                  </a:cubicBezTo>
                  <a:cubicBezTo>
                    <a:pt x="160" y="0"/>
                    <a:pt x="0" y="161"/>
                    <a:pt x="0" y="358"/>
                  </a:cubicBezTo>
                  <a:cubicBezTo>
                    <a:pt x="0" y="358"/>
                    <a:pt x="0" y="358"/>
                    <a:pt x="0" y="358"/>
                  </a:cubicBezTo>
                  <a:cubicBezTo>
                    <a:pt x="0" y="358"/>
                    <a:pt x="0" y="358"/>
                    <a:pt x="0" y="358"/>
                  </a:cubicBezTo>
                  <a:cubicBezTo>
                    <a:pt x="0" y="358"/>
                    <a:pt x="0" y="358"/>
                    <a:pt x="0" y="358"/>
                  </a:cubicBezTo>
                  <a:cubicBezTo>
                    <a:pt x="0" y="554"/>
                    <a:pt x="160" y="715"/>
                    <a:pt x="357" y="715"/>
                  </a:cubicBezTo>
                  <a:cubicBezTo>
                    <a:pt x="357" y="715"/>
                    <a:pt x="357" y="715"/>
                    <a:pt x="357" y="715"/>
                  </a:cubicBezTo>
                  <a:cubicBezTo>
                    <a:pt x="357" y="715"/>
                    <a:pt x="357" y="715"/>
                    <a:pt x="357" y="715"/>
                  </a:cubicBezTo>
                  <a:cubicBezTo>
                    <a:pt x="357" y="715"/>
                    <a:pt x="357" y="715"/>
                    <a:pt x="357" y="715"/>
                  </a:cubicBezTo>
                  <a:cubicBezTo>
                    <a:pt x="553" y="715"/>
                    <a:pt x="714" y="554"/>
                    <a:pt x="714" y="358"/>
                  </a:cubicBezTo>
                  <a:cubicBezTo>
                    <a:pt x="714" y="358"/>
                    <a:pt x="714" y="358"/>
                    <a:pt x="714" y="358"/>
                  </a:cubicBezTo>
                  <a:close/>
                  <a:moveTo>
                    <a:pt x="364" y="700"/>
                  </a:moveTo>
                  <a:cubicBezTo>
                    <a:pt x="364" y="662"/>
                    <a:pt x="364" y="662"/>
                    <a:pt x="364" y="662"/>
                  </a:cubicBezTo>
                  <a:cubicBezTo>
                    <a:pt x="364" y="658"/>
                    <a:pt x="360" y="655"/>
                    <a:pt x="357" y="655"/>
                  </a:cubicBezTo>
                  <a:cubicBezTo>
                    <a:pt x="353" y="655"/>
                    <a:pt x="350" y="658"/>
                    <a:pt x="350" y="662"/>
                  </a:cubicBezTo>
                  <a:cubicBezTo>
                    <a:pt x="350" y="700"/>
                    <a:pt x="350" y="700"/>
                    <a:pt x="350" y="700"/>
                  </a:cubicBezTo>
                  <a:cubicBezTo>
                    <a:pt x="166" y="697"/>
                    <a:pt x="17" y="548"/>
                    <a:pt x="14" y="365"/>
                  </a:cubicBezTo>
                  <a:cubicBezTo>
                    <a:pt x="52" y="365"/>
                    <a:pt x="52" y="365"/>
                    <a:pt x="52" y="365"/>
                  </a:cubicBezTo>
                  <a:cubicBezTo>
                    <a:pt x="56" y="365"/>
                    <a:pt x="59" y="361"/>
                    <a:pt x="59" y="358"/>
                  </a:cubicBezTo>
                  <a:cubicBezTo>
                    <a:pt x="59" y="354"/>
                    <a:pt x="56" y="351"/>
                    <a:pt x="52" y="351"/>
                  </a:cubicBezTo>
                  <a:cubicBezTo>
                    <a:pt x="14" y="351"/>
                    <a:pt x="14" y="351"/>
                    <a:pt x="14" y="351"/>
                  </a:cubicBezTo>
                  <a:cubicBezTo>
                    <a:pt x="17" y="167"/>
                    <a:pt x="166" y="18"/>
                    <a:pt x="350" y="15"/>
                  </a:cubicBezTo>
                  <a:cubicBezTo>
                    <a:pt x="350" y="53"/>
                    <a:pt x="350" y="53"/>
                    <a:pt x="350" y="53"/>
                  </a:cubicBezTo>
                  <a:cubicBezTo>
                    <a:pt x="350" y="57"/>
                    <a:pt x="353" y="60"/>
                    <a:pt x="357" y="60"/>
                  </a:cubicBezTo>
                  <a:cubicBezTo>
                    <a:pt x="360" y="60"/>
                    <a:pt x="364" y="57"/>
                    <a:pt x="364" y="53"/>
                  </a:cubicBezTo>
                  <a:cubicBezTo>
                    <a:pt x="364" y="15"/>
                    <a:pt x="364" y="15"/>
                    <a:pt x="364" y="15"/>
                  </a:cubicBezTo>
                  <a:cubicBezTo>
                    <a:pt x="547" y="18"/>
                    <a:pt x="696" y="167"/>
                    <a:pt x="699" y="351"/>
                  </a:cubicBezTo>
                  <a:cubicBezTo>
                    <a:pt x="661" y="351"/>
                    <a:pt x="661" y="351"/>
                    <a:pt x="661" y="351"/>
                  </a:cubicBezTo>
                  <a:cubicBezTo>
                    <a:pt x="657" y="351"/>
                    <a:pt x="654" y="354"/>
                    <a:pt x="654" y="358"/>
                  </a:cubicBezTo>
                  <a:cubicBezTo>
                    <a:pt x="654" y="361"/>
                    <a:pt x="657" y="365"/>
                    <a:pt x="661" y="365"/>
                  </a:cubicBezTo>
                  <a:cubicBezTo>
                    <a:pt x="699" y="365"/>
                    <a:pt x="699" y="365"/>
                    <a:pt x="699" y="365"/>
                  </a:cubicBezTo>
                  <a:cubicBezTo>
                    <a:pt x="696" y="548"/>
                    <a:pt x="547" y="697"/>
                    <a:pt x="364" y="700"/>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5" name="Group 24">
            <a:extLst>
              <a:ext uri="{FF2B5EF4-FFF2-40B4-BE49-F238E27FC236}">
                <a16:creationId xmlns:a16="http://schemas.microsoft.com/office/drawing/2014/main" id="{FB2C60BE-C728-47D5-9478-6265091539B7}"/>
              </a:ext>
            </a:extLst>
          </p:cNvPr>
          <p:cNvGrpSpPr/>
          <p:nvPr/>
        </p:nvGrpSpPr>
        <p:grpSpPr>
          <a:xfrm>
            <a:off x="6569709" y="5415098"/>
            <a:ext cx="1525137" cy="1517844"/>
            <a:chOff x="3012819" y="1498714"/>
            <a:chExt cx="1097280" cy="1097280"/>
          </a:xfrm>
        </p:grpSpPr>
        <p:sp>
          <p:nvSpPr>
            <p:cNvPr id="23" name="Oval 20">
              <a:extLst>
                <a:ext uri="{FF2B5EF4-FFF2-40B4-BE49-F238E27FC236}">
                  <a16:creationId xmlns:a16="http://schemas.microsoft.com/office/drawing/2014/main" id="{E0D4C86F-E016-47BF-9819-CD37ABDCDDF9}"/>
                </a:ext>
              </a:extLst>
            </p:cNvPr>
            <p:cNvSpPr>
              <a:spLocks noChangeArrowheads="1"/>
            </p:cNvSpPr>
            <p:nvPr/>
          </p:nvSpPr>
          <p:spPr bwMode="auto">
            <a:xfrm>
              <a:off x="3012819" y="1498714"/>
              <a:ext cx="1097280" cy="1097280"/>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4" name="Freeform 106">
              <a:extLst>
                <a:ext uri="{FF2B5EF4-FFF2-40B4-BE49-F238E27FC236}">
                  <a16:creationId xmlns:a16="http://schemas.microsoft.com/office/drawing/2014/main" id="{51190E9D-633E-4197-9394-F29F23C534DD}"/>
                </a:ext>
              </a:extLst>
            </p:cNvPr>
            <p:cNvSpPr>
              <a:spLocks noEditPoints="1"/>
            </p:cNvSpPr>
            <p:nvPr/>
          </p:nvSpPr>
          <p:spPr bwMode="auto">
            <a:xfrm>
              <a:off x="3190531" y="1667933"/>
              <a:ext cx="741857" cy="695342"/>
            </a:xfrm>
            <a:custGeom>
              <a:avLst/>
              <a:gdLst>
                <a:gd name="T0" fmla="*/ 439 w 719"/>
                <a:gd name="T1" fmla="*/ 63 h 674"/>
                <a:gd name="T2" fmla="*/ 312 w 719"/>
                <a:gd name="T3" fmla="*/ 63 h 674"/>
                <a:gd name="T4" fmla="*/ 375 w 719"/>
                <a:gd name="T5" fmla="*/ 14 h 674"/>
                <a:gd name="T6" fmla="*/ 375 w 719"/>
                <a:gd name="T7" fmla="*/ 113 h 674"/>
                <a:gd name="T8" fmla="*/ 375 w 719"/>
                <a:gd name="T9" fmla="*/ 14 h 674"/>
                <a:gd name="T10" fmla="*/ 614 w 719"/>
                <a:gd name="T11" fmla="*/ 293 h 674"/>
                <a:gd name="T12" fmla="*/ 519 w 719"/>
                <a:gd name="T13" fmla="*/ 143 h 674"/>
                <a:gd name="T14" fmla="*/ 375 w 719"/>
                <a:gd name="T15" fmla="*/ 166 h 674"/>
                <a:gd name="T16" fmla="*/ 111 w 719"/>
                <a:gd name="T17" fmla="*/ 385 h 674"/>
                <a:gd name="T18" fmla="*/ 14 w 719"/>
                <a:gd name="T19" fmla="*/ 303 h 674"/>
                <a:gd name="T20" fmla="*/ 103 w 719"/>
                <a:gd name="T21" fmla="*/ 214 h 674"/>
                <a:gd name="T22" fmla="*/ 0 w 719"/>
                <a:gd name="T23" fmla="*/ 303 h 674"/>
                <a:gd name="T24" fmla="*/ 110 w 719"/>
                <a:gd name="T25" fmla="*/ 399 h 674"/>
                <a:gd name="T26" fmla="*/ 176 w 719"/>
                <a:gd name="T27" fmla="*/ 549 h 674"/>
                <a:gd name="T28" fmla="*/ 225 w 719"/>
                <a:gd name="T29" fmla="*/ 669 h 674"/>
                <a:gd name="T30" fmla="*/ 330 w 719"/>
                <a:gd name="T31" fmla="*/ 623 h 674"/>
                <a:gd name="T32" fmla="*/ 499 w 719"/>
                <a:gd name="T33" fmla="*/ 674 h 674"/>
                <a:gd name="T34" fmla="*/ 527 w 719"/>
                <a:gd name="T35" fmla="*/ 669 h 674"/>
                <a:gd name="T36" fmla="*/ 575 w 719"/>
                <a:gd name="T37" fmla="*/ 548 h 674"/>
                <a:gd name="T38" fmla="*/ 648 w 719"/>
                <a:gd name="T39" fmla="*/ 499 h 674"/>
                <a:gd name="T40" fmla="*/ 648 w 719"/>
                <a:gd name="T41" fmla="*/ 293 h 674"/>
                <a:gd name="T42" fmla="*/ 610 w 719"/>
                <a:gd name="T43" fmla="*/ 485 h 674"/>
                <a:gd name="T44" fmla="*/ 562 w 719"/>
                <a:gd name="T45" fmla="*/ 541 h 674"/>
                <a:gd name="T46" fmla="*/ 566 w 719"/>
                <a:gd name="T47" fmla="*/ 566 h 674"/>
                <a:gd name="T48" fmla="*/ 499 w 719"/>
                <a:gd name="T49" fmla="*/ 660 h 674"/>
                <a:gd name="T50" fmla="*/ 499 w 719"/>
                <a:gd name="T51" fmla="*/ 660 h 674"/>
                <a:gd name="T52" fmla="*/ 426 w 719"/>
                <a:gd name="T53" fmla="*/ 608 h 674"/>
                <a:gd name="T54" fmla="*/ 327 w 719"/>
                <a:gd name="T55" fmla="*/ 608 h 674"/>
                <a:gd name="T56" fmla="*/ 252 w 719"/>
                <a:gd name="T57" fmla="*/ 660 h 674"/>
                <a:gd name="T58" fmla="*/ 185 w 719"/>
                <a:gd name="T59" fmla="*/ 566 h 674"/>
                <a:gd name="T60" fmla="*/ 189 w 719"/>
                <a:gd name="T61" fmla="*/ 542 h 674"/>
                <a:gd name="T62" fmla="*/ 177 w 719"/>
                <a:gd name="T63" fmla="*/ 256 h 674"/>
                <a:gd name="T64" fmla="*/ 459 w 719"/>
                <a:gd name="T65" fmla="*/ 192 h 674"/>
                <a:gd name="T66" fmla="*/ 514 w 719"/>
                <a:gd name="T67" fmla="*/ 157 h 674"/>
                <a:gd name="T68" fmla="*/ 547 w 719"/>
                <a:gd name="T69" fmla="*/ 233 h 674"/>
                <a:gd name="T70" fmla="*/ 604 w 719"/>
                <a:gd name="T71" fmla="*/ 304 h 674"/>
                <a:gd name="T72" fmla="*/ 648 w 719"/>
                <a:gd name="T73" fmla="*/ 307 h 674"/>
                <a:gd name="T74" fmla="*/ 648 w 719"/>
                <a:gd name="T75" fmla="*/ 485 h 674"/>
                <a:gd name="T76" fmla="*/ 477 w 719"/>
                <a:gd name="T77" fmla="*/ 269 h 674"/>
                <a:gd name="T78" fmla="*/ 375 w 719"/>
                <a:gd name="T79" fmla="*/ 240 h 674"/>
                <a:gd name="T80" fmla="*/ 267 w 719"/>
                <a:gd name="T81" fmla="*/ 265 h 674"/>
                <a:gd name="T82" fmla="*/ 375 w 719"/>
                <a:gd name="T83" fmla="*/ 226 h 674"/>
                <a:gd name="T84" fmla="*/ 483 w 719"/>
                <a:gd name="T85" fmla="*/ 265 h 6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719" h="674">
                  <a:moveTo>
                    <a:pt x="375" y="127"/>
                  </a:moveTo>
                  <a:cubicBezTo>
                    <a:pt x="410" y="127"/>
                    <a:pt x="439" y="98"/>
                    <a:pt x="439" y="63"/>
                  </a:cubicBezTo>
                  <a:cubicBezTo>
                    <a:pt x="439" y="28"/>
                    <a:pt x="410" y="0"/>
                    <a:pt x="375" y="0"/>
                  </a:cubicBezTo>
                  <a:cubicBezTo>
                    <a:pt x="340" y="0"/>
                    <a:pt x="312" y="28"/>
                    <a:pt x="312" y="63"/>
                  </a:cubicBezTo>
                  <a:cubicBezTo>
                    <a:pt x="312" y="98"/>
                    <a:pt x="340" y="127"/>
                    <a:pt x="375" y="127"/>
                  </a:cubicBezTo>
                  <a:close/>
                  <a:moveTo>
                    <a:pt x="375" y="14"/>
                  </a:moveTo>
                  <a:cubicBezTo>
                    <a:pt x="403" y="14"/>
                    <a:pt x="425" y="36"/>
                    <a:pt x="425" y="63"/>
                  </a:cubicBezTo>
                  <a:cubicBezTo>
                    <a:pt x="425" y="90"/>
                    <a:pt x="403" y="113"/>
                    <a:pt x="375" y="113"/>
                  </a:cubicBezTo>
                  <a:cubicBezTo>
                    <a:pt x="348" y="113"/>
                    <a:pt x="326" y="90"/>
                    <a:pt x="326" y="63"/>
                  </a:cubicBezTo>
                  <a:cubicBezTo>
                    <a:pt x="326" y="36"/>
                    <a:pt x="348" y="14"/>
                    <a:pt x="375" y="14"/>
                  </a:cubicBezTo>
                  <a:close/>
                  <a:moveTo>
                    <a:pt x="648" y="293"/>
                  </a:moveTo>
                  <a:cubicBezTo>
                    <a:pt x="614" y="293"/>
                    <a:pt x="614" y="293"/>
                    <a:pt x="614" y="293"/>
                  </a:cubicBezTo>
                  <a:cubicBezTo>
                    <a:pt x="601" y="270"/>
                    <a:pt x="583" y="249"/>
                    <a:pt x="561" y="230"/>
                  </a:cubicBezTo>
                  <a:cubicBezTo>
                    <a:pt x="562" y="194"/>
                    <a:pt x="558" y="148"/>
                    <a:pt x="519" y="143"/>
                  </a:cubicBezTo>
                  <a:cubicBezTo>
                    <a:pt x="499" y="141"/>
                    <a:pt x="478" y="152"/>
                    <a:pt x="458" y="177"/>
                  </a:cubicBezTo>
                  <a:cubicBezTo>
                    <a:pt x="431" y="169"/>
                    <a:pt x="404" y="166"/>
                    <a:pt x="375" y="166"/>
                  </a:cubicBezTo>
                  <a:cubicBezTo>
                    <a:pt x="290" y="166"/>
                    <a:pt x="214" y="195"/>
                    <a:pt x="167" y="246"/>
                  </a:cubicBezTo>
                  <a:cubicBezTo>
                    <a:pt x="133" y="283"/>
                    <a:pt x="114" y="330"/>
                    <a:pt x="111" y="385"/>
                  </a:cubicBezTo>
                  <a:cubicBezTo>
                    <a:pt x="96" y="385"/>
                    <a:pt x="96" y="385"/>
                    <a:pt x="96" y="385"/>
                  </a:cubicBezTo>
                  <a:cubicBezTo>
                    <a:pt x="51" y="385"/>
                    <a:pt x="14" y="348"/>
                    <a:pt x="14" y="303"/>
                  </a:cubicBezTo>
                  <a:cubicBezTo>
                    <a:pt x="14" y="258"/>
                    <a:pt x="51" y="221"/>
                    <a:pt x="96" y="221"/>
                  </a:cubicBezTo>
                  <a:cubicBezTo>
                    <a:pt x="100" y="221"/>
                    <a:pt x="103" y="218"/>
                    <a:pt x="103" y="214"/>
                  </a:cubicBezTo>
                  <a:cubicBezTo>
                    <a:pt x="103" y="210"/>
                    <a:pt x="100" y="207"/>
                    <a:pt x="96" y="207"/>
                  </a:cubicBezTo>
                  <a:cubicBezTo>
                    <a:pt x="43" y="207"/>
                    <a:pt x="0" y="250"/>
                    <a:pt x="0" y="303"/>
                  </a:cubicBezTo>
                  <a:cubicBezTo>
                    <a:pt x="0" y="356"/>
                    <a:pt x="43" y="399"/>
                    <a:pt x="96" y="399"/>
                  </a:cubicBezTo>
                  <a:cubicBezTo>
                    <a:pt x="110" y="399"/>
                    <a:pt x="110" y="399"/>
                    <a:pt x="110" y="399"/>
                  </a:cubicBezTo>
                  <a:cubicBezTo>
                    <a:pt x="110" y="409"/>
                    <a:pt x="111" y="419"/>
                    <a:pt x="111" y="429"/>
                  </a:cubicBezTo>
                  <a:cubicBezTo>
                    <a:pt x="115" y="470"/>
                    <a:pt x="137" y="511"/>
                    <a:pt x="176" y="549"/>
                  </a:cubicBezTo>
                  <a:cubicBezTo>
                    <a:pt x="172" y="561"/>
                    <a:pt x="172" y="561"/>
                    <a:pt x="172" y="561"/>
                  </a:cubicBezTo>
                  <a:cubicBezTo>
                    <a:pt x="157" y="605"/>
                    <a:pt x="181" y="654"/>
                    <a:pt x="225" y="669"/>
                  </a:cubicBezTo>
                  <a:cubicBezTo>
                    <a:pt x="234" y="672"/>
                    <a:pt x="243" y="674"/>
                    <a:pt x="252" y="674"/>
                  </a:cubicBezTo>
                  <a:cubicBezTo>
                    <a:pt x="286" y="674"/>
                    <a:pt x="317" y="653"/>
                    <a:pt x="330" y="623"/>
                  </a:cubicBezTo>
                  <a:cubicBezTo>
                    <a:pt x="361" y="627"/>
                    <a:pt x="391" y="627"/>
                    <a:pt x="421" y="622"/>
                  </a:cubicBezTo>
                  <a:cubicBezTo>
                    <a:pt x="435" y="653"/>
                    <a:pt x="465" y="674"/>
                    <a:pt x="499" y="674"/>
                  </a:cubicBezTo>
                  <a:cubicBezTo>
                    <a:pt x="499" y="674"/>
                    <a:pt x="499" y="674"/>
                    <a:pt x="499" y="674"/>
                  </a:cubicBezTo>
                  <a:cubicBezTo>
                    <a:pt x="509" y="674"/>
                    <a:pt x="518" y="672"/>
                    <a:pt x="527" y="669"/>
                  </a:cubicBezTo>
                  <a:cubicBezTo>
                    <a:pt x="571" y="654"/>
                    <a:pt x="595" y="605"/>
                    <a:pt x="580" y="561"/>
                  </a:cubicBezTo>
                  <a:cubicBezTo>
                    <a:pt x="575" y="548"/>
                    <a:pt x="575" y="548"/>
                    <a:pt x="575" y="548"/>
                  </a:cubicBezTo>
                  <a:cubicBezTo>
                    <a:pt x="590" y="533"/>
                    <a:pt x="603" y="517"/>
                    <a:pt x="614" y="499"/>
                  </a:cubicBezTo>
                  <a:cubicBezTo>
                    <a:pt x="648" y="499"/>
                    <a:pt x="648" y="499"/>
                    <a:pt x="648" y="499"/>
                  </a:cubicBezTo>
                  <a:cubicBezTo>
                    <a:pt x="688" y="499"/>
                    <a:pt x="719" y="455"/>
                    <a:pt x="719" y="396"/>
                  </a:cubicBezTo>
                  <a:cubicBezTo>
                    <a:pt x="719" y="338"/>
                    <a:pt x="688" y="293"/>
                    <a:pt x="648" y="293"/>
                  </a:cubicBezTo>
                  <a:close/>
                  <a:moveTo>
                    <a:pt x="648" y="485"/>
                  </a:moveTo>
                  <a:cubicBezTo>
                    <a:pt x="610" y="485"/>
                    <a:pt x="610" y="485"/>
                    <a:pt x="610" y="485"/>
                  </a:cubicBezTo>
                  <a:cubicBezTo>
                    <a:pt x="607" y="485"/>
                    <a:pt x="605" y="486"/>
                    <a:pt x="603" y="489"/>
                  </a:cubicBezTo>
                  <a:cubicBezTo>
                    <a:pt x="593" y="508"/>
                    <a:pt x="579" y="525"/>
                    <a:pt x="562" y="541"/>
                  </a:cubicBezTo>
                  <a:cubicBezTo>
                    <a:pt x="560" y="543"/>
                    <a:pt x="559" y="546"/>
                    <a:pt x="560" y="548"/>
                  </a:cubicBezTo>
                  <a:cubicBezTo>
                    <a:pt x="566" y="566"/>
                    <a:pt x="566" y="566"/>
                    <a:pt x="566" y="566"/>
                  </a:cubicBezTo>
                  <a:cubicBezTo>
                    <a:pt x="579" y="603"/>
                    <a:pt x="559" y="643"/>
                    <a:pt x="522" y="656"/>
                  </a:cubicBezTo>
                  <a:cubicBezTo>
                    <a:pt x="515" y="658"/>
                    <a:pt x="507" y="660"/>
                    <a:pt x="499" y="660"/>
                  </a:cubicBezTo>
                  <a:cubicBezTo>
                    <a:pt x="499" y="667"/>
                    <a:pt x="499" y="667"/>
                    <a:pt x="499" y="667"/>
                  </a:cubicBezTo>
                  <a:cubicBezTo>
                    <a:pt x="499" y="660"/>
                    <a:pt x="499" y="660"/>
                    <a:pt x="499" y="660"/>
                  </a:cubicBezTo>
                  <a:cubicBezTo>
                    <a:pt x="469" y="660"/>
                    <a:pt x="442" y="641"/>
                    <a:pt x="432" y="612"/>
                  </a:cubicBezTo>
                  <a:cubicBezTo>
                    <a:pt x="431" y="609"/>
                    <a:pt x="429" y="608"/>
                    <a:pt x="426" y="608"/>
                  </a:cubicBezTo>
                  <a:cubicBezTo>
                    <a:pt x="425" y="608"/>
                    <a:pt x="425" y="608"/>
                    <a:pt x="425" y="608"/>
                  </a:cubicBezTo>
                  <a:cubicBezTo>
                    <a:pt x="393" y="613"/>
                    <a:pt x="360" y="613"/>
                    <a:pt x="327" y="608"/>
                  </a:cubicBezTo>
                  <a:cubicBezTo>
                    <a:pt x="324" y="607"/>
                    <a:pt x="320" y="609"/>
                    <a:pt x="319" y="612"/>
                  </a:cubicBezTo>
                  <a:cubicBezTo>
                    <a:pt x="309" y="641"/>
                    <a:pt x="282" y="660"/>
                    <a:pt x="252" y="660"/>
                  </a:cubicBezTo>
                  <a:cubicBezTo>
                    <a:pt x="245" y="660"/>
                    <a:pt x="237" y="658"/>
                    <a:pt x="230" y="656"/>
                  </a:cubicBezTo>
                  <a:cubicBezTo>
                    <a:pt x="193" y="643"/>
                    <a:pt x="173" y="603"/>
                    <a:pt x="185" y="566"/>
                  </a:cubicBezTo>
                  <a:cubicBezTo>
                    <a:pt x="191" y="549"/>
                    <a:pt x="191" y="549"/>
                    <a:pt x="191" y="549"/>
                  </a:cubicBezTo>
                  <a:cubicBezTo>
                    <a:pt x="192" y="547"/>
                    <a:pt x="191" y="544"/>
                    <a:pt x="189" y="542"/>
                  </a:cubicBezTo>
                  <a:cubicBezTo>
                    <a:pt x="162" y="517"/>
                    <a:pt x="130" y="477"/>
                    <a:pt x="125" y="428"/>
                  </a:cubicBezTo>
                  <a:cubicBezTo>
                    <a:pt x="119" y="357"/>
                    <a:pt x="137" y="300"/>
                    <a:pt x="177" y="256"/>
                  </a:cubicBezTo>
                  <a:cubicBezTo>
                    <a:pt x="221" y="207"/>
                    <a:pt x="294" y="180"/>
                    <a:pt x="375" y="180"/>
                  </a:cubicBezTo>
                  <a:cubicBezTo>
                    <a:pt x="404" y="180"/>
                    <a:pt x="432" y="184"/>
                    <a:pt x="459" y="192"/>
                  </a:cubicBezTo>
                  <a:cubicBezTo>
                    <a:pt x="462" y="193"/>
                    <a:pt x="465" y="192"/>
                    <a:pt x="467" y="189"/>
                  </a:cubicBezTo>
                  <a:cubicBezTo>
                    <a:pt x="477" y="174"/>
                    <a:pt x="494" y="157"/>
                    <a:pt x="514" y="157"/>
                  </a:cubicBezTo>
                  <a:cubicBezTo>
                    <a:pt x="515" y="157"/>
                    <a:pt x="516" y="157"/>
                    <a:pt x="518" y="157"/>
                  </a:cubicBezTo>
                  <a:cubicBezTo>
                    <a:pt x="539" y="160"/>
                    <a:pt x="548" y="184"/>
                    <a:pt x="547" y="233"/>
                  </a:cubicBezTo>
                  <a:cubicBezTo>
                    <a:pt x="547" y="236"/>
                    <a:pt x="548" y="238"/>
                    <a:pt x="549" y="239"/>
                  </a:cubicBezTo>
                  <a:cubicBezTo>
                    <a:pt x="572" y="258"/>
                    <a:pt x="591" y="280"/>
                    <a:pt x="604" y="304"/>
                  </a:cubicBezTo>
                  <a:cubicBezTo>
                    <a:pt x="605" y="306"/>
                    <a:pt x="608" y="307"/>
                    <a:pt x="610" y="307"/>
                  </a:cubicBezTo>
                  <a:cubicBezTo>
                    <a:pt x="648" y="307"/>
                    <a:pt x="648" y="307"/>
                    <a:pt x="648" y="307"/>
                  </a:cubicBezTo>
                  <a:cubicBezTo>
                    <a:pt x="680" y="307"/>
                    <a:pt x="705" y="346"/>
                    <a:pt x="705" y="396"/>
                  </a:cubicBezTo>
                  <a:cubicBezTo>
                    <a:pt x="705" y="447"/>
                    <a:pt x="680" y="485"/>
                    <a:pt x="648" y="485"/>
                  </a:cubicBezTo>
                  <a:close/>
                  <a:moveTo>
                    <a:pt x="483" y="265"/>
                  </a:moveTo>
                  <a:cubicBezTo>
                    <a:pt x="482" y="268"/>
                    <a:pt x="480" y="269"/>
                    <a:pt x="477" y="269"/>
                  </a:cubicBezTo>
                  <a:cubicBezTo>
                    <a:pt x="476" y="269"/>
                    <a:pt x="475" y="268"/>
                    <a:pt x="474" y="268"/>
                  </a:cubicBezTo>
                  <a:cubicBezTo>
                    <a:pt x="445" y="250"/>
                    <a:pt x="411" y="240"/>
                    <a:pt x="375" y="240"/>
                  </a:cubicBezTo>
                  <a:cubicBezTo>
                    <a:pt x="340" y="240"/>
                    <a:pt x="306" y="250"/>
                    <a:pt x="277" y="268"/>
                  </a:cubicBezTo>
                  <a:cubicBezTo>
                    <a:pt x="274" y="270"/>
                    <a:pt x="269" y="269"/>
                    <a:pt x="267" y="265"/>
                  </a:cubicBezTo>
                  <a:cubicBezTo>
                    <a:pt x="265" y="262"/>
                    <a:pt x="266" y="258"/>
                    <a:pt x="270" y="256"/>
                  </a:cubicBezTo>
                  <a:cubicBezTo>
                    <a:pt x="301" y="236"/>
                    <a:pt x="337" y="226"/>
                    <a:pt x="375" y="226"/>
                  </a:cubicBezTo>
                  <a:cubicBezTo>
                    <a:pt x="414" y="226"/>
                    <a:pt x="450" y="236"/>
                    <a:pt x="481" y="256"/>
                  </a:cubicBezTo>
                  <a:cubicBezTo>
                    <a:pt x="484" y="258"/>
                    <a:pt x="485" y="262"/>
                    <a:pt x="483" y="265"/>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28" name="Group 27">
            <a:extLst>
              <a:ext uri="{FF2B5EF4-FFF2-40B4-BE49-F238E27FC236}">
                <a16:creationId xmlns:a16="http://schemas.microsoft.com/office/drawing/2014/main" id="{A6B4E1B1-3DD9-4A25-A6B2-56DF34FD16B7}"/>
              </a:ext>
            </a:extLst>
          </p:cNvPr>
          <p:cNvGrpSpPr/>
          <p:nvPr/>
        </p:nvGrpSpPr>
        <p:grpSpPr>
          <a:xfrm>
            <a:off x="2009917" y="2583455"/>
            <a:ext cx="1541592" cy="1517844"/>
            <a:chOff x="2096382" y="2942039"/>
            <a:chExt cx="1097280" cy="1097280"/>
          </a:xfrm>
        </p:grpSpPr>
        <p:sp>
          <p:nvSpPr>
            <p:cNvPr id="26" name="Oval 18">
              <a:extLst>
                <a:ext uri="{FF2B5EF4-FFF2-40B4-BE49-F238E27FC236}">
                  <a16:creationId xmlns:a16="http://schemas.microsoft.com/office/drawing/2014/main" id="{D92A70F2-E74D-4BC1-83DD-FFEE82BEED53}"/>
                </a:ext>
              </a:extLst>
            </p:cNvPr>
            <p:cNvSpPr>
              <a:spLocks noChangeArrowheads="1"/>
            </p:cNvSpPr>
            <p:nvPr/>
          </p:nvSpPr>
          <p:spPr bwMode="auto">
            <a:xfrm>
              <a:off x="2096382" y="2942039"/>
              <a:ext cx="1097280" cy="1097280"/>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27" name="Freeform 42">
              <a:extLst>
                <a:ext uri="{FF2B5EF4-FFF2-40B4-BE49-F238E27FC236}">
                  <a16:creationId xmlns:a16="http://schemas.microsoft.com/office/drawing/2014/main" id="{014039B8-0F0F-4445-9B3B-0BF532C64317}"/>
                </a:ext>
              </a:extLst>
            </p:cNvPr>
            <p:cNvSpPr>
              <a:spLocks noEditPoints="1"/>
            </p:cNvSpPr>
            <p:nvPr/>
          </p:nvSpPr>
          <p:spPr bwMode="auto">
            <a:xfrm>
              <a:off x="2322484" y="3112756"/>
              <a:ext cx="645076" cy="755846"/>
            </a:xfrm>
            <a:custGeom>
              <a:avLst/>
              <a:gdLst>
                <a:gd name="T0" fmla="*/ 122 w 419"/>
                <a:gd name="T1" fmla="*/ 141 h 491"/>
                <a:gd name="T2" fmla="*/ 156 w 419"/>
                <a:gd name="T3" fmla="*/ 239 h 491"/>
                <a:gd name="T4" fmla="*/ 169 w 419"/>
                <a:gd name="T5" fmla="*/ 276 h 491"/>
                <a:gd name="T6" fmla="*/ 194 w 419"/>
                <a:gd name="T7" fmla="*/ 293 h 491"/>
                <a:gd name="T8" fmla="*/ 220 w 419"/>
                <a:gd name="T9" fmla="*/ 276 h 491"/>
                <a:gd name="T10" fmla="*/ 233 w 419"/>
                <a:gd name="T11" fmla="*/ 239 h 491"/>
                <a:gd name="T12" fmla="*/ 266 w 419"/>
                <a:gd name="T13" fmla="*/ 141 h 491"/>
                <a:gd name="T14" fmla="*/ 194 w 419"/>
                <a:gd name="T15" fmla="*/ 283 h 491"/>
                <a:gd name="T16" fmla="*/ 207 w 419"/>
                <a:gd name="T17" fmla="*/ 276 h 491"/>
                <a:gd name="T18" fmla="*/ 223 w 419"/>
                <a:gd name="T19" fmla="*/ 263 h 491"/>
                <a:gd name="T20" fmla="*/ 169 w 419"/>
                <a:gd name="T21" fmla="*/ 266 h 491"/>
                <a:gd name="T22" fmla="*/ 165 w 419"/>
                <a:gd name="T23" fmla="*/ 244 h 491"/>
                <a:gd name="T24" fmla="*/ 223 w 419"/>
                <a:gd name="T25" fmla="*/ 263 h 491"/>
                <a:gd name="T26" fmla="*/ 223 w 419"/>
                <a:gd name="T27" fmla="*/ 235 h 491"/>
                <a:gd name="T28" fmla="*/ 199 w 419"/>
                <a:gd name="T29" fmla="*/ 168 h 491"/>
                <a:gd name="T30" fmla="*/ 221 w 419"/>
                <a:gd name="T31" fmla="*/ 134 h 491"/>
                <a:gd name="T32" fmla="*/ 194 w 419"/>
                <a:gd name="T33" fmla="*/ 159 h 491"/>
                <a:gd name="T34" fmla="*/ 168 w 419"/>
                <a:gd name="T35" fmla="*/ 134 h 491"/>
                <a:gd name="T36" fmla="*/ 190 w 419"/>
                <a:gd name="T37" fmla="*/ 168 h 491"/>
                <a:gd name="T38" fmla="*/ 165 w 419"/>
                <a:gd name="T39" fmla="*/ 235 h 491"/>
                <a:gd name="T40" fmla="*/ 132 w 419"/>
                <a:gd name="T41" fmla="*/ 141 h 491"/>
                <a:gd name="T42" fmla="*/ 257 w 419"/>
                <a:gd name="T43" fmla="*/ 141 h 491"/>
                <a:gd name="T44" fmla="*/ 407 w 419"/>
                <a:gd name="T45" fmla="*/ 250 h 491"/>
                <a:gd name="T46" fmla="*/ 374 w 419"/>
                <a:gd name="T47" fmla="*/ 183 h 491"/>
                <a:gd name="T48" fmla="*/ 374 w 419"/>
                <a:gd name="T49" fmla="*/ 118 h 491"/>
                <a:gd name="T50" fmla="*/ 193 w 419"/>
                <a:gd name="T51" fmla="*/ 0 h 491"/>
                <a:gd name="T52" fmla="*/ 61 w 419"/>
                <a:gd name="T53" fmla="*/ 288 h 491"/>
                <a:gd name="T54" fmla="*/ 72 w 419"/>
                <a:gd name="T55" fmla="*/ 454 h 491"/>
                <a:gd name="T56" fmla="*/ 197 w 419"/>
                <a:gd name="T57" fmla="*/ 491 h 491"/>
                <a:gd name="T58" fmla="*/ 259 w 419"/>
                <a:gd name="T59" fmla="*/ 480 h 491"/>
                <a:gd name="T60" fmla="*/ 345 w 419"/>
                <a:gd name="T61" fmla="*/ 413 h 491"/>
                <a:gd name="T62" fmla="*/ 378 w 419"/>
                <a:gd name="T63" fmla="*/ 391 h 491"/>
                <a:gd name="T64" fmla="*/ 378 w 419"/>
                <a:gd name="T65" fmla="*/ 360 h 491"/>
                <a:gd name="T66" fmla="*/ 388 w 419"/>
                <a:gd name="T67" fmla="*/ 339 h 491"/>
                <a:gd name="T68" fmla="*/ 394 w 419"/>
                <a:gd name="T69" fmla="*/ 319 h 491"/>
                <a:gd name="T70" fmla="*/ 390 w 419"/>
                <a:gd name="T71" fmla="*/ 304 h 491"/>
                <a:gd name="T72" fmla="*/ 409 w 419"/>
                <a:gd name="T73" fmla="*/ 289 h 491"/>
                <a:gd name="T74" fmla="*/ 407 w 419"/>
                <a:gd name="T75" fmla="*/ 250 h 491"/>
                <a:gd name="T76" fmla="*/ 385 w 419"/>
                <a:gd name="T77" fmla="*/ 286 h 491"/>
                <a:gd name="T78" fmla="*/ 380 w 419"/>
                <a:gd name="T79" fmla="*/ 307 h 491"/>
                <a:gd name="T80" fmla="*/ 385 w 419"/>
                <a:gd name="T81" fmla="*/ 317 h 491"/>
                <a:gd name="T82" fmla="*/ 376 w 419"/>
                <a:gd name="T83" fmla="*/ 331 h 491"/>
                <a:gd name="T84" fmla="*/ 375 w 419"/>
                <a:gd name="T85" fmla="*/ 344 h 491"/>
                <a:gd name="T86" fmla="*/ 369 w 419"/>
                <a:gd name="T87" fmla="*/ 365 h 491"/>
                <a:gd name="T88" fmla="*/ 347 w 419"/>
                <a:gd name="T89" fmla="*/ 404 h 491"/>
                <a:gd name="T90" fmla="*/ 261 w 419"/>
                <a:gd name="T91" fmla="*/ 386 h 491"/>
                <a:gd name="T92" fmla="*/ 250 w 419"/>
                <a:gd name="T93" fmla="*/ 476 h 491"/>
                <a:gd name="T94" fmla="*/ 89 w 419"/>
                <a:gd name="T95" fmla="*/ 307 h 491"/>
                <a:gd name="T96" fmla="*/ 9 w 419"/>
                <a:gd name="T97" fmla="*/ 167 h 491"/>
                <a:gd name="T98" fmla="*/ 193 w 419"/>
                <a:gd name="T99" fmla="*/ 9 h 491"/>
                <a:gd name="T100" fmla="*/ 365 w 419"/>
                <a:gd name="T101" fmla="*/ 120 h 491"/>
                <a:gd name="T102" fmla="*/ 365 w 419"/>
                <a:gd name="T103" fmla="*/ 180 h 491"/>
                <a:gd name="T104" fmla="*/ 399 w 419"/>
                <a:gd name="T105" fmla="*/ 255 h 491"/>
                <a:gd name="T106" fmla="*/ 405 w 419"/>
                <a:gd name="T107" fmla="*/ 281 h 4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419" h="491">
                  <a:moveTo>
                    <a:pt x="194" y="69"/>
                  </a:moveTo>
                  <a:cubicBezTo>
                    <a:pt x="155" y="69"/>
                    <a:pt x="122" y="101"/>
                    <a:pt x="122" y="141"/>
                  </a:cubicBezTo>
                  <a:cubicBezTo>
                    <a:pt x="122" y="161"/>
                    <a:pt x="130" y="180"/>
                    <a:pt x="144" y="195"/>
                  </a:cubicBezTo>
                  <a:cubicBezTo>
                    <a:pt x="148" y="199"/>
                    <a:pt x="156" y="210"/>
                    <a:pt x="156" y="239"/>
                  </a:cubicBezTo>
                  <a:cubicBezTo>
                    <a:pt x="156" y="263"/>
                    <a:pt x="156" y="263"/>
                    <a:pt x="156" y="263"/>
                  </a:cubicBezTo>
                  <a:cubicBezTo>
                    <a:pt x="156" y="270"/>
                    <a:pt x="162" y="276"/>
                    <a:pt x="169" y="276"/>
                  </a:cubicBezTo>
                  <a:cubicBezTo>
                    <a:pt x="172" y="276"/>
                    <a:pt x="172" y="276"/>
                    <a:pt x="172" y="276"/>
                  </a:cubicBezTo>
                  <a:cubicBezTo>
                    <a:pt x="174" y="285"/>
                    <a:pt x="183" y="293"/>
                    <a:pt x="194" y="293"/>
                  </a:cubicBezTo>
                  <a:cubicBezTo>
                    <a:pt x="205" y="293"/>
                    <a:pt x="214" y="285"/>
                    <a:pt x="217" y="276"/>
                  </a:cubicBezTo>
                  <a:cubicBezTo>
                    <a:pt x="220" y="276"/>
                    <a:pt x="220" y="276"/>
                    <a:pt x="220" y="276"/>
                  </a:cubicBezTo>
                  <a:cubicBezTo>
                    <a:pt x="227" y="276"/>
                    <a:pt x="233" y="270"/>
                    <a:pt x="233" y="263"/>
                  </a:cubicBezTo>
                  <a:cubicBezTo>
                    <a:pt x="233" y="239"/>
                    <a:pt x="233" y="239"/>
                    <a:pt x="233" y="239"/>
                  </a:cubicBezTo>
                  <a:cubicBezTo>
                    <a:pt x="233" y="210"/>
                    <a:pt x="241" y="199"/>
                    <a:pt x="244" y="195"/>
                  </a:cubicBezTo>
                  <a:cubicBezTo>
                    <a:pt x="258" y="180"/>
                    <a:pt x="266" y="161"/>
                    <a:pt x="266" y="141"/>
                  </a:cubicBezTo>
                  <a:cubicBezTo>
                    <a:pt x="266" y="101"/>
                    <a:pt x="234" y="69"/>
                    <a:pt x="194" y="69"/>
                  </a:cubicBezTo>
                  <a:close/>
                  <a:moveTo>
                    <a:pt x="194" y="283"/>
                  </a:moveTo>
                  <a:cubicBezTo>
                    <a:pt x="189" y="283"/>
                    <a:pt x="184" y="280"/>
                    <a:pt x="182" y="276"/>
                  </a:cubicBezTo>
                  <a:cubicBezTo>
                    <a:pt x="207" y="276"/>
                    <a:pt x="207" y="276"/>
                    <a:pt x="207" y="276"/>
                  </a:cubicBezTo>
                  <a:cubicBezTo>
                    <a:pt x="205" y="280"/>
                    <a:pt x="200" y="283"/>
                    <a:pt x="194" y="283"/>
                  </a:cubicBezTo>
                  <a:close/>
                  <a:moveTo>
                    <a:pt x="223" y="263"/>
                  </a:moveTo>
                  <a:cubicBezTo>
                    <a:pt x="223" y="265"/>
                    <a:pt x="222" y="266"/>
                    <a:pt x="220" y="266"/>
                  </a:cubicBezTo>
                  <a:cubicBezTo>
                    <a:pt x="169" y="266"/>
                    <a:pt x="169" y="266"/>
                    <a:pt x="169" y="266"/>
                  </a:cubicBezTo>
                  <a:cubicBezTo>
                    <a:pt x="167" y="266"/>
                    <a:pt x="165" y="265"/>
                    <a:pt x="165" y="263"/>
                  </a:cubicBezTo>
                  <a:cubicBezTo>
                    <a:pt x="165" y="244"/>
                    <a:pt x="165" y="244"/>
                    <a:pt x="165" y="244"/>
                  </a:cubicBezTo>
                  <a:cubicBezTo>
                    <a:pt x="223" y="244"/>
                    <a:pt x="223" y="244"/>
                    <a:pt x="223" y="244"/>
                  </a:cubicBezTo>
                  <a:lnTo>
                    <a:pt x="223" y="263"/>
                  </a:lnTo>
                  <a:close/>
                  <a:moveTo>
                    <a:pt x="237" y="188"/>
                  </a:moveTo>
                  <a:cubicBezTo>
                    <a:pt x="232" y="194"/>
                    <a:pt x="224" y="207"/>
                    <a:pt x="223" y="235"/>
                  </a:cubicBezTo>
                  <a:cubicBezTo>
                    <a:pt x="199" y="235"/>
                    <a:pt x="199" y="235"/>
                    <a:pt x="199" y="235"/>
                  </a:cubicBezTo>
                  <a:cubicBezTo>
                    <a:pt x="199" y="168"/>
                    <a:pt x="199" y="168"/>
                    <a:pt x="199" y="168"/>
                  </a:cubicBezTo>
                  <a:cubicBezTo>
                    <a:pt x="218" y="165"/>
                    <a:pt x="224" y="141"/>
                    <a:pt x="224" y="140"/>
                  </a:cubicBezTo>
                  <a:cubicBezTo>
                    <a:pt x="225" y="137"/>
                    <a:pt x="223" y="135"/>
                    <a:pt x="221" y="134"/>
                  </a:cubicBezTo>
                  <a:cubicBezTo>
                    <a:pt x="218" y="133"/>
                    <a:pt x="216" y="135"/>
                    <a:pt x="215" y="137"/>
                  </a:cubicBezTo>
                  <a:cubicBezTo>
                    <a:pt x="215" y="138"/>
                    <a:pt x="210" y="159"/>
                    <a:pt x="194" y="159"/>
                  </a:cubicBezTo>
                  <a:cubicBezTo>
                    <a:pt x="179" y="159"/>
                    <a:pt x="173" y="138"/>
                    <a:pt x="173" y="137"/>
                  </a:cubicBezTo>
                  <a:cubicBezTo>
                    <a:pt x="173" y="135"/>
                    <a:pt x="170" y="133"/>
                    <a:pt x="168" y="134"/>
                  </a:cubicBezTo>
                  <a:cubicBezTo>
                    <a:pt x="165" y="135"/>
                    <a:pt x="164" y="137"/>
                    <a:pt x="164" y="140"/>
                  </a:cubicBezTo>
                  <a:cubicBezTo>
                    <a:pt x="165" y="141"/>
                    <a:pt x="170" y="165"/>
                    <a:pt x="190" y="168"/>
                  </a:cubicBezTo>
                  <a:cubicBezTo>
                    <a:pt x="190" y="235"/>
                    <a:pt x="190" y="235"/>
                    <a:pt x="190" y="235"/>
                  </a:cubicBezTo>
                  <a:cubicBezTo>
                    <a:pt x="165" y="235"/>
                    <a:pt x="165" y="235"/>
                    <a:pt x="165" y="235"/>
                  </a:cubicBezTo>
                  <a:cubicBezTo>
                    <a:pt x="164" y="207"/>
                    <a:pt x="156" y="194"/>
                    <a:pt x="151" y="188"/>
                  </a:cubicBezTo>
                  <a:cubicBezTo>
                    <a:pt x="139" y="176"/>
                    <a:pt x="132" y="158"/>
                    <a:pt x="132" y="141"/>
                  </a:cubicBezTo>
                  <a:cubicBezTo>
                    <a:pt x="132" y="107"/>
                    <a:pt x="160" y="79"/>
                    <a:pt x="194" y="79"/>
                  </a:cubicBezTo>
                  <a:cubicBezTo>
                    <a:pt x="229" y="79"/>
                    <a:pt x="257" y="107"/>
                    <a:pt x="257" y="141"/>
                  </a:cubicBezTo>
                  <a:cubicBezTo>
                    <a:pt x="257" y="158"/>
                    <a:pt x="250" y="176"/>
                    <a:pt x="237" y="188"/>
                  </a:cubicBezTo>
                  <a:close/>
                  <a:moveTo>
                    <a:pt x="407" y="250"/>
                  </a:moveTo>
                  <a:cubicBezTo>
                    <a:pt x="395" y="232"/>
                    <a:pt x="374" y="197"/>
                    <a:pt x="372" y="188"/>
                  </a:cubicBezTo>
                  <a:cubicBezTo>
                    <a:pt x="373" y="187"/>
                    <a:pt x="373" y="185"/>
                    <a:pt x="374" y="183"/>
                  </a:cubicBezTo>
                  <a:cubicBezTo>
                    <a:pt x="376" y="176"/>
                    <a:pt x="379" y="166"/>
                    <a:pt x="379" y="158"/>
                  </a:cubicBezTo>
                  <a:cubicBezTo>
                    <a:pt x="379" y="146"/>
                    <a:pt x="377" y="129"/>
                    <a:pt x="374" y="118"/>
                  </a:cubicBezTo>
                  <a:cubicBezTo>
                    <a:pt x="373" y="112"/>
                    <a:pt x="364" y="83"/>
                    <a:pt x="338" y="55"/>
                  </a:cubicBezTo>
                  <a:cubicBezTo>
                    <a:pt x="303" y="18"/>
                    <a:pt x="255" y="0"/>
                    <a:pt x="193" y="0"/>
                  </a:cubicBezTo>
                  <a:cubicBezTo>
                    <a:pt x="65" y="0"/>
                    <a:pt x="0" y="56"/>
                    <a:pt x="0" y="167"/>
                  </a:cubicBezTo>
                  <a:cubicBezTo>
                    <a:pt x="0" y="231"/>
                    <a:pt x="37" y="266"/>
                    <a:pt x="61" y="288"/>
                  </a:cubicBezTo>
                  <a:cubicBezTo>
                    <a:pt x="70" y="297"/>
                    <a:pt x="78" y="304"/>
                    <a:pt x="80" y="310"/>
                  </a:cubicBezTo>
                  <a:cubicBezTo>
                    <a:pt x="97" y="376"/>
                    <a:pt x="82" y="429"/>
                    <a:pt x="72" y="454"/>
                  </a:cubicBezTo>
                  <a:cubicBezTo>
                    <a:pt x="71" y="456"/>
                    <a:pt x="72" y="459"/>
                    <a:pt x="74" y="460"/>
                  </a:cubicBezTo>
                  <a:cubicBezTo>
                    <a:pt x="112" y="480"/>
                    <a:pt x="154" y="491"/>
                    <a:pt x="197" y="491"/>
                  </a:cubicBezTo>
                  <a:cubicBezTo>
                    <a:pt x="217" y="491"/>
                    <a:pt x="236" y="489"/>
                    <a:pt x="256" y="484"/>
                  </a:cubicBezTo>
                  <a:cubicBezTo>
                    <a:pt x="258" y="484"/>
                    <a:pt x="259" y="482"/>
                    <a:pt x="259" y="480"/>
                  </a:cubicBezTo>
                  <a:cubicBezTo>
                    <a:pt x="259" y="438"/>
                    <a:pt x="260" y="406"/>
                    <a:pt x="262" y="396"/>
                  </a:cubicBezTo>
                  <a:cubicBezTo>
                    <a:pt x="280" y="401"/>
                    <a:pt x="335" y="413"/>
                    <a:pt x="345" y="413"/>
                  </a:cubicBezTo>
                  <a:cubicBezTo>
                    <a:pt x="346" y="413"/>
                    <a:pt x="347" y="413"/>
                    <a:pt x="347" y="413"/>
                  </a:cubicBezTo>
                  <a:cubicBezTo>
                    <a:pt x="355" y="413"/>
                    <a:pt x="374" y="413"/>
                    <a:pt x="378" y="391"/>
                  </a:cubicBezTo>
                  <a:cubicBezTo>
                    <a:pt x="381" y="380"/>
                    <a:pt x="380" y="370"/>
                    <a:pt x="379" y="364"/>
                  </a:cubicBezTo>
                  <a:cubicBezTo>
                    <a:pt x="379" y="362"/>
                    <a:pt x="378" y="360"/>
                    <a:pt x="378" y="360"/>
                  </a:cubicBezTo>
                  <a:cubicBezTo>
                    <a:pt x="379" y="356"/>
                    <a:pt x="382" y="352"/>
                    <a:pt x="384" y="348"/>
                  </a:cubicBezTo>
                  <a:cubicBezTo>
                    <a:pt x="386" y="344"/>
                    <a:pt x="387" y="342"/>
                    <a:pt x="388" y="339"/>
                  </a:cubicBezTo>
                  <a:cubicBezTo>
                    <a:pt x="388" y="337"/>
                    <a:pt x="387" y="333"/>
                    <a:pt x="386" y="330"/>
                  </a:cubicBezTo>
                  <a:cubicBezTo>
                    <a:pt x="389" y="327"/>
                    <a:pt x="393" y="323"/>
                    <a:pt x="394" y="319"/>
                  </a:cubicBezTo>
                  <a:cubicBezTo>
                    <a:pt x="394" y="315"/>
                    <a:pt x="392" y="310"/>
                    <a:pt x="390" y="305"/>
                  </a:cubicBezTo>
                  <a:cubicBezTo>
                    <a:pt x="390" y="305"/>
                    <a:pt x="390" y="305"/>
                    <a:pt x="390" y="304"/>
                  </a:cubicBezTo>
                  <a:cubicBezTo>
                    <a:pt x="390" y="303"/>
                    <a:pt x="390" y="299"/>
                    <a:pt x="390" y="294"/>
                  </a:cubicBezTo>
                  <a:cubicBezTo>
                    <a:pt x="396" y="293"/>
                    <a:pt x="406" y="291"/>
                    <a:pt x="409" y="289"/>
                  </a:cubicBezTo>
                  <a:cubicBezTo>
                    <a:pt x="415" y="286"/>
                    <a:pt x="419" y="277"/>
                    <a:pt x="419" y="272"/>
                  </a:cubicBezTo>
                  <a:cubicBezTo>
                    <a:pt x="419" y="270"/>
                    <a:pt x="418" y="270"/>
                    <a:pt x="407" y="250"/>
                  </a:cubicBezTo>
                  <a:close/>
                  <a:moveTo>
                    <a:pt x="405" y="281"/>
                  </a:moveTo>
                  <a:cubicBezTo>
                    <a:pt x="403" y="282"/>
                    <a:pt x="393" y="284"/>
                    <a:pt x="385" y="286"/>
                  </a:cubicBezTo>
                  <a:cubicBezTo>
                    <a:pt x="383" y="286"/>
                    <a:pt x="381" y="288"/>
                    <a:pt x="381" y="290"/>
                  </a:cubicBezTo>
                  <a:cubicBezTo>
                    <a:pt x="380" y="305"/>
                    <a:pt x="380" y="306"/>
                    <a:pt x="380" y="307"/>
                  </a:cubicBezTo>
                  <a:cubicBezTo>
                    <a:pt x="381" y="308"/>
                    <a:pt x="381" y="308"/>
                    <a:pt x="382" y="310"/>
                  </a:cubicBezTo>
                  <a:cubicBezTo>
                    <a:pt x="384" y="314"/>
                    <a:pt x="385" y="316"/>
                    <a:pt x="385" y="317"/>
                  </a:cubicBezTo>
                  <a:cubicBezTo>
                    <a:pt x="384" y="319"/>
                    <a:pt x="381" y="322"/>
                    <a:pt x="377" y="325"/>
                  </a:cubicBezTo>
                  <a:cubicBezTo>
                    <a:pt x="376" y="326"/>
                    <a:pt x="375" y="329"/>
                    <a:pt x="376" y="331"/>
                  </a:cubicBezTo>
                  <a:cubicBezTo>
                    <a:pt x="377" y="334"/>
                    <a:pt x="378" y="337"/>
                    <a:pt x="378" y="338"/>
                  </a:cubicBezTo>
                  <a:cubicBezTo>
                    <a:pt x="378" y="339"/>
                    <a:pt x="377" y="342"/>
                    <a:pt x="375" y="344"/>
                  </a:cubicBezTo>
                  <a:cubicBezTo>
                    <a:pt x="373" y="348"/>
                    <a:pt x="371" y="353"/>
                    <a:pt x="369" y="357"/>
                  </a:cubicBezTo>
                  <a:cubicBezTo>
                    <a:pt x="369" y="359"/>
                    <a:pt x="369" y="362"/>
                    <a:pt x="369" y="365"/>
                  </a:cubicBezTo>
                  <a:cubicBezTo>
                    <a:pt x="370" y="371"/>
                    <a:pt x="371" y="379"/>
                    <a:pt x="369" y="389"/>
                  </a:cubicBezTo>
                  <a:cubicBezTo>
                    <a:pt x="367" y="401"/>
                    <a:pt x="359" y="404"/>
                    <a:pt x="347" y="404"/>
                  </a:cubicBezTo>
                  <a:cubicBezTo>
                    <a:pt x="347" y="404"/>
                    <a:pt x="346" y="404"/>
                    <a:pt x="345" y="404"/>
                  </a:cubicBezTo>
                  <a:cubicBezTo>
                    <a:pt x="335" y="403"/>
                    <a:pt x="271" y="389"/>
                    <a:pt x="261" y="386"/>
                  </a:cubicBezTo>
                  <a:cubicBezTo>
                    <a:pt x="259" y="386"/>
                    <a:pt x="257" y="386"/>
                    <a:pt x="256" y="387"/>
                  </a:cubicBezTo>
                  <a:cubicBezTo>
                    <a:pt x="250" y="394"/>
                    <a:pt x="249" y="449"/>
                    <a:pt x="250" y="476"/>
                  </a:cubicBezTo>
                  <a:cubicBezTo>
                    <a:pt x="193" y="488"/>
                    <a:pt x="133" y="480"/>
                    <a:pt x="83" y="454"/>
                  </a:cubicBezTo>
                  <a:cubicBezTo>
                    <a:pt x="93" y="426"/>
                    <a:pt x="105" y="373"/>
                    <a:pt x="89" y="307"/>
                  </a:cubicBezTo>
                  <a:cubicBezTo>
                    <a:pt x="87" y="299"/>
                    <a:pt x="79" y="292"/>
                    <a:pt x="68" y="282"/>
                  </a:cubicBezTo>
                  <a:cubicBezTo>
                    <a:pt x="44" y="260"/>
                    <a:pt x="9" y="227"/>
                    <a:pt x="9" y="167"/>
                  </a:cubicBezTo>
                  <a:cubicBezTo>
                    <a:pt x="9" y="119"/>
                    <a:pt x="22" y="82"/>
                    <a:pt x="47" y="56"/>
                  </a:cubicBezTo>
                  <a:cubicBezTo>
                    <a:pt x="78" y="25"/>
                    <a:pt x="127" y="9"/>
                    <a:pt x="193" y="9"/>
                  </a:cubicBezTo>
                  <a:cubicBezTo>
                    <a:pt x="252" y="9"/>
                    <a:pt x="298" y="27"/>
                    <a:pt x="331" y="61"/>
                  </a:cubicBezTo>
                  <a:cubicBezTo>
                    <a:pt x="357" y="88"/>
                    <a:pt x="364" y="117"/>
                    <a:pt x="365" y="120"/>
                  </a:cubicBezTo>
                  <a:cubicBezTo>
                    <a:pt x="367" y="130"/>
                    <a:pt x="370" y="147"/>
                    <a:pt x="370" y="158"/>
                  </a:cubicBezTo>
                  <a:cubicBezTo>
                    <a:pt x="370" y="165"/>
                    <a:pt x="367" y="174"/>
                    <a:pt x="365" y="180"/>
                  </a:cubicBezTo>
                  <a:cubicBezTo>
                    <a:pt x="363" y="185"/>
                    <a:pt x="363" y="187"/>
                    <a:pt x="363" y="189"/>
                  </a:cubicBezTo>
                  <a:cubicBezTo>
                    <a:pt x="364" y="198"/>
                    <a:pt x="380" y="224"/>
                    <a:pt x="399" y="255"/>
                  </a:cubicBezTo>
                  <a:cubicBezTo>
                    <a:pt x="403" y="263"/>
                    <a:pt x="408" y="271"/>
                    <a:pt x="409" y="273"/>
                  </a:cubicBezTo>
                  <a:cubicBezTo>
                    <a:pt x="409" y="275"/>
                    <a:pt x="406" y="280"/>
                    <a:pt x="405" y="281"/>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31" name="Group 30">
            <a:extLst>
              <a:ext uri="{FF2B5EF4-FFF2-40B4-BE49-F238E27FC236}">
                <a16:creationId xmlns:a16="http://schemas.microsoft.com/office/drawing/2014/main" id="{862EFD09-9EDA-4D76-B748-E836D2FD25C6}"/>
              </a:ext>
            </a:extLst>
          </p:cNvPr>
          <p:cNvGrpSpPr/>
          <p:nvPr/>
        </p:nvGrpSpPr>
        <p:grpSpPr>
          <a:xfrm>
            <a:off x="2026372" y="5415098"/>
            <a:ext cx="1525137" cy="1517844"/>
            <a:chOff x="8183793" y="1498714"/>
            <a:chExt cx="1097280" cy="1097280"/>
          </a:xfrm>
        </p:grpSpPr>
        <p:sp>
          <p:nvSpPr>
            <p:cNvPr id="29" name="Oval 55">
              <a:extLst>
                <a:ext uri="{FF2B5EF4-FFF2-40B4-BE49-F238E27FC236}">
                  <a16:creationId xmlns:a16="http://schemas.microsoft.com/office/drawing/2014/main" id="{4CA82B4B-76FD-436C-B43B-7C0F48DEAA81}"/>
                </a:ext>
              </a:extLst>
            </p:cNvPr>
            <p:cNvSpPr>
              <a:spLocks noChangeArrowheads="1"/>
            </p:cNvSpPr>
            <p:nvPr/>
          </p:nvSpPr>
          <p:spPr bwMode="auto">
            <a:xfrm>
              <a:off x="8183793" y="1498714"/>
              <a:ext cx="1097280" cy="1097280"/>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30" name="Freeform 86">
              <a:extLst>
                <a:ext uri="{FF2B5EF4-FFF2-40B4-BE49-F238E27FC236}">
                  <a16:creationId xmlns:a16="http://schemas.microsoft.com/office/drawing/2014/main" id="{C05FA119-4E33-4A82-8B23-E99CA401B643}"/>
                </a:ext>
              </a:extLst>
            </p:cNvPr>
            <p:cNvSpPr>
              <a:spLocks noEditPoints="1"/>
            </p:cNvSpPr>
            <p:nvPr/>
          </p:nvSpPr>
          <p:spPr bwMode="auto">
            <a:xfrm>
              <a:off x="8434532" y="1718170"/>
              <a:ext cx="594609" cy="659561"/>
            </a:xfrm>
            <a:custGeom>
              <a:avLst/>
              <a:gdLst>
                <a:gd name="T0" fmla="*/ 208 w 575"/>
                <a:gd name="T1" fmla="*/ 639 h 639"/>
                <a:gd name="T2" fmla="*/ 201 w 575"/>
                <a:gd name="T3" fmla="*/ 373 h 639"/>
                <a:gd name="T4" fmla="*/ 369 w 575"/>
                <a:gd name="T5" fmla="*/ 366 h 639"/>
                <a:gd name="T6" fmla="*/ 376 w 575"/>
                <a:gd name="T7" fmla="*/ 632 h 639"/>
                <a:gd name="T8" fmla="*/ 215 w 575"/>
                <a:gd name="T9" fmla="*/ 625 h 639"/>
                <a:gd name="T10" fmla="*/ 362 w 575"/>
                <a:gd name="T11" fmla="*/ 380 h 639"/>
                <a:gd name="T12" fmla="*/ 215 w 575"/>
                <a:gd name="T13" fmla="*/ 625 h 639"/>
                <a:gd name="T14" fmla="*/ 10 w 575"/>
                <a:gd name="T15" fmla="*/ 639 h 639"/>
                <a:gd name="T16" fmla="*/ 3 w 575"/>
                <a:gd name="T17" fmla="*/ 503 h 639"/>
                <a:gd name="T18" fmla="*/ 170 w 575"/>
                <a:gd name="T19" fmla="*/ 496 h 639"/>
                <a:gd name="T20" fmla="*/ 177 w 575"/>
                <a:gd name="T21" fmla="*/ 632 h 639"/>
                <a:gd name="T22" fmla="*/ 17 w 575"/>
                <a:gd name="T23" fmla="*/ 625 h 639"/>
                <a:gd name="T24" fmla="*/ 163 w 575"/>
                <a:gd name="T25" fmla="*/ 510 h 639"/>
                <a:gd name="T26" fmla="*/ 17 w 575"/>
                <a:gd name="T27" fmla="*/ 625 h 639"/>
                <a:gd name="T28" fmla="*/ 5 w 575"/>
                <a:gd name="T29" fmla="*/ 411 h 639"/>
                <a:gd name="T30" fmla="*/ 292 w 575"/>
                <a:gd name="T31" fmla="*/ 47 h 639"/>
                <a:gd name="T32" fmla="*/ 256 w 575"/>
                <a:gd name="T33" fmla="*/ 4 h 639"/>
                <a:gd name="T34" fmla="*/ 417 w 575"/>
                <a:gd name="T35" fmla="*/ 0 h 639"/>
                <a:gd name="T36" fmla="*/ 424 w 575"/>
                <a:gd name="T37" fmla="*/ 163 h 639"/>
                <a:gd name="T38" fmla="*/ 412 w 575"/>
                <a:gd name="T39" fmla="*/ 168 h 639"/>
                <a:gd name="T40" fmla="*/ 31 w 575"/>
                <a:gd name="T41" fmla="*/ 414 h 639"/>
                <a:gd name="T42" fmla="*/ 279 w 575"/>
                <a:gd name="T43" fmla="*/ 14 h 639"/>
                <a:gd name="T44" fmla="*/ 307 w 575"/>
                <a:gd name="T45" fmla="*/ 51 h 639"/>
                <a:gd name="T46" fmla="*/ 16 w 575"/>
                <a:gd name="T47" fmla="*/ 402 h 639"/>
                <a:gd name="T48" fmla="*/ 22 w 575"/>
                <a:gd name="T49" fmla="*/ 403 h 639"/>
                <a:gd name="T50" fmla="*/ 383 w 575"/>
                <a:gd name="T51" fmla="*/ 118 h 639"/>
                <a:gd name="T52" fmla="*/ 410 w 575"/>
                <a:gd name="T53" fmla="*/ 14 h 639"/>
                <a:gd name="T54" fmla="*/ 568 w 575"/>
                <a:gd name="T55" fmla="*/ 639 h 639"/>
                <a:gd name="T56" fmla="*/ 400 w 575"/>
                <a:gd name="T57" fmla="*/ 632 h 639"/>
                <a:gd name="T58" fmla="*/ 407 w 575"/>
                <a:gd name="T59" fmla="*/ 238 h 639"/>
                <a:gd name="T60" fmla="*/ 575 w 575"/>
                <a:gd name="T61" fmla="*/ 245 h 639"/>
                <a:gd name="T62" fmla="*/ 568 w 575"/>
                <a:gd name="T63" fmla="*/ 639 h 639"/>
                <a:gd name="T64" fmla="*/ 561 w 575"/>
                <a:gd name="T65" fmla="*/ 625 h 639"/>
                <a:gd name="T66" fmla="*/ 414 w 575"/>
                <a:gd name="T67" fmla="*/ 252 h 6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75" h="639">
                  <a:moveTo>
                    <a:pt x="369" y="639"/>
                  </a:moveTo>
                  <a:cubicBezTo>
                    <a:pt x="208" y="639"/>
                    <a:pt x="208" y="639"/>
                    <a:pt x="208" y="639"/>
                  </a:cubicBezTo>
                  <a:cubicBezTo>
                    <a:pt x="205" y="639"/>
                    <a:pt x="201" y="636"/>
                    <a:pt x="201" y="632"/>
                  </a:cubicBezTo>
                  <a:cubicBezTo>
                    <a:pt x="201" y="373"/>
                    <a:pt x="201" y="373"/>
                    <a:pt x="201" y="373"/>
                  </a:cubicBezTo>
                  <a:cubicBezTo>
                    <a:pt x="201" y="369"/>
                    <a:pt x="205" y="366"/>
                    <a:pt x="208" y="366"/>
                  </a:cubicBezTo>
                  <a:cubicBezTo>
                    <a:pt x="369" y="366"/>
                    <a:pt x="369" y="366"/>
                    <a:pt x="369" y="366"/>
                  </a:cubicBezTo>
                  <a:cubicBezTo>
                    <a:pt x="373" y="366"/>
                    <a:pt x="376" y="369"/>
                    <a:pt x="376" y="373"/>
                  </a:cubicBezTo>
                  <a:cubicBezTo>
                    <a:pt x="376" y="632"/>
                    <a:pt x="376" y="632"/>
                    <a:pt x="376" y="632"/>
                  </a:cubicBezTo>
                  <a:cubicBezTo>
                    <a:pt x="376" y="636"/>
                    <a:pt x="373" y="639"/>
                    <a:pt x="369" y="639"/>
                  </a:cubicBezTo>
                  <a:close/>
                  <a:moveTo>
                    <a:pt x="215" y="625"/>
                  </a:moveTo>
                  <a:cubicBezTo>
                    <a:pt x="362" y="625"/>
                    <a:pt x="362" y="625"/>
                    <a:pt x="362" y="625"/>
                  </a:cubicBezTo>
                  <a:cubicBezTo>
                    <a:pt x="362" y="380"/>
                    <a:pt x="362" y="380"/>
                    <a:pt x="362" y="380"/>
                  </a:cubicBezTo>
                  <a:cubicBezTo>
                    <a:pt x="215" y="380"/>
                    <a:pt x="215" y="380"/>
                    <a:pt x="215" y="380"/>
                  </a:cubicBezTo>
                  <a:lnTo>
                    <a:pt x="215" y="625"/>
                  </a:lnTo>
                  <a:close/>
                  <a:moveTo>
                    <a:pt x="170" y="639"/>
                  </a:moveTo>
                  <a:cubicBezTo>
                    <a:pt x="10" y="639"/>
                    <a:pt x="10" y="639"/>
                    <a:pt x="10" y="639"/>
                  </a:cubicBezTo>
                  <a:cubicBezTo>
                    <a:pt x="6" y="639"/>
                    <a:pt x="3" y="636"/>
                    <a:pt x="3" y="632"/>
                  </a:cubicBezTo>
                  <a:cubicBezTo>
                    <a:pt x="3" y="503"/>
                    <a:pt x="3" y="503"/>
                    <a:pt x="3" y="503"/>
                  </a:cubicBezTo>
                  <a:cubicBezTo>
                    <a:pt x="3" y="499"/>
                    <a:pt x="6" y="496"/>
                    <a:pt x="10" y="496"/>
                  </a:cubicBezTo>
                  <a:cubicBezTo>
                    <a:pt x="170" y="496"/>
                    <a:pt x="170" y="496"/>
                    <a:pt x="170" y="496"/>
                  </a:cubicBezTo>
                  <a:cubicBezTo>
                    <a:pt x="174" y="496"/>
                    <a:pt x="177" y="499"/>
                    <a:pt x="177" y="503"/>
                  </a:cubicBezTo>
                  <a:cubicBezTo>
                    <a:pt x="177" y="632"/>
                    <a:pt x="177" y="632"/>
                    <a:pt x="177" y="632"/>
                  </a:cubicBezTo>
                  <a:cubicBezTo>
                    <a:pt x="177" y="636"/>
                    <a:pt x="174" y="639"/>
                    <a:pt x="170" y="639"/>
                  </a:cubicBezTo>
                  <a:close/>
                  <a:moveTo>
                    <a:pt x="17" y="625"/>
                  </a:moveTo>
                  <a:cubicBezTo>
                    <a:pt x="163" y="625"/>
                    <a:pt x="163" y="625"/>
                    <a:pt x="163" y="625"/>
                  </a:cubicBezTo>
                  <a:cubicBezTo>
                    <a:pt x="163" y="510"/>
                    <a:pt x="163" y="510"/>
                    <a:pt x="163" y="510"/>
                  </a:cubicBezTo>
                  <a:cubicBezTo>
                    <a:pt x="17" y="510"/>
                    <a:pt x="17" y="510"/>
                    <a:pt x="17" y="510"/>
                  </a:cubicBezTo>
                  <a:lnTo>
                    <a:pt x="17" y="625"/>
                  </a:lnTo>
                  <a:close/>
                  <a:moveTo>
                    <a:pt x="19" y="418"/>
                  </a:moveTo>
                  <a:cubicBezTo>
                    <a:pt x="14" y="418"/>
                    <a:pt x="9" y="416"/>
                    <a:pt x="5" y="411"/>
                  </a:cubicBezTo>
                  <a:cubicBezTo>
                    <a:pt x="0" y="404"/>
                    <a:pt x="0" y="395"/>
                    <a:pt x="5" y="388"/>
                  </a:cubicBezTo>
                  <a:cubicBezTo>
                    <a:pt x="292" y="47"/>
                    <a:pt x="292" y="47"/>
                    <a:pt x="292" y="47"/>
                  </a:cubicBezTo>
                  <a:cubicBezTo>
                    <a:pt x="257" y="12"/>
                    <a:pt x="257" y="12"/>
                    <a:pt x="257" y="12"/>
                  </a:cubicBezTo>
                  <a:cubicBezTo>
                    <a:pt x="255" y="10"/>
                    <a:pt x="255" y="7"/>
                    <a:pt x="256" y="4"/>
                  </a:cubicBezTo>
                  <a:cubicBezTo>
                    <a:pt x="257" y="1"/>
                    <a:pt x="260" y="0"/>
                    <a:pt x="262" y="0"/>
                  </a:cubicBezTo>
                  <a:cubicBezTo>
                    <a:pt x="417" y="0"/>
                    <a:pt x="417" y="0"/>
                    <a:pt x="417" y="0"/>
                  </a:cubicBezTo>
                  <a:cubicBezTo>
                    <a:pt x="421" y="0"/>
                    <a:pt x="424" y="3"/>
                    <a:pt x="424" y="7"/>
                  </a:cubicBezTo>
                  <a:cubicBezTo>
                    <a:pt x="424" y="163"/>
                    <a:pt x="424" y="163"/>
                    <a:pt x="424" y="163"/>
                  </a:cubicBezTo>
                  <a:cubicBezTo>
                    <a:pt x="424" y="166"/>
                    <a:pt x="423" y="168"/>
                    <a:pt x="420" y="169"/>
                  </a:cubicBezTo>
                  <a:cubicBezTo>
                    <a:pt x="417" y="170"/>
                    <a:pt x="414" y="170"/>
                    <a:pt x="412" y="168"/>
                  </a:cubicBezTo>
                  <a:cubicBezTo>
                    <a:pt x="377" y="133"/>
                    <a:pt x="377" y="133"/>
                    <a:pt x="377" y="133"/>
                  </a:cubicBezTo>
                  <a:cubicBezTo>
                    <a:pt x="31" y="414"/>
                    <a:pt x="31" y="414"/>
                    <a:pt x="31" y="414"/>
                  </a:cubicBezTo>
                  <a:cubicBezTo>
                    <a:pt x="28" y="417"/>
                    <a:pt x="24" y="418"/>
                    <a:pt x="19" y="418"/>
                  </a:cubicBezTo>
                  <a:close/>
                  <a:moveTo>
                    <a:pt x="279" y="14"/>
                  </a:moveTo>
                  <a:cubicBezTo>
                    <a:pt x="307" y="41"/>
                    <a:pt x="307" y="41"/>
                    <a:pt x="307" y="41"/>
                  </a:cubicBezTo>
                  <a:cubicBezTo>
                    <a:pt x="309" y="44"/>
                    <a:pt x="309" y="48"/>
                    <a:pt x="307" y="51"/>
                  </a:cubicBezTo>
                  <a:cubicBezTo>
                    <a:pt x="16" y="397"/>
                    <a:pt x="16" y="397"/>
                    <a:pt x="16" y="397"/>
                  </a:cubicBezTo>
                  <a:cubicBezTo>
                    <a:pt x="15" y="399"/>
                    <a:pt x="15" y="401"/>
                    <a:pt x="16" y="402"/>
                  </a:cubicBezTo>
                  <a:cubicBezTo>
                    <a:pt x="17" y="404"/>
                    <a:pt x="18" y="404"/>
                    <a:pt x="19" y="404"/>
                  </a:cubicBezTo>
                  <a:cubicBezTo>
                    <a:pt x="20" y="404"/>
                    <a:pt x="21" y="404"/>
                    <a:pt x="22" y="403"/>
                  </a:cubicBezTo>
                  <a:cubicBezTo>
                    <a:pt x="373" y="118"/>
                    <a:pt x="373" y="118"/>
                    <a:pt x="373" y="118"/>
                  </a:cubicBezTo>
                  <a:cubicBezTo>
                    <a:pt x="376" y="115"/>
                    <a:pt x="380" y="116"/>
                    <a:pt x="383" y="118"/>
                  </a:cubicBezTo>
                  <a:cubicBezTo>
                    <a:pt x="410" y="146"/>
                    <a:pt x="410" y="146"/>
                    <a:pt x="410" y="146"/>
                  </a:cubicBezTo>
                  <a:cubicBezTo>
                    <a:pt x="410" y="14"/>
                    <a:pt x="410" y="14"/>
                    <a:pt x="410" y="14"/>
                  </a:cubicBezTo>
                  <a:lnTo>
                    <a:pt x="279" y="14"/>
                  </a:lnTo>
                  <a:close/>
                  <a:moveTo>
                    <a:pt x="568" y="639"/>
                  </a:moveTo>
                  <a:cubicBezTo>
                    <a:pt x="407" y="639"/>
                    <a:pt x="407" y="639"/>
                    <a:pt x="407" y="639"/>
                  </a:cubicBezTo>
                  <a:cubicBezTo>
                    <a:pt x="403" y="639"/>
                    <a:pt x="400" y="636"/>
                    <a:pt x="400" y="632"/>
                  </a:cubicBezTo>
                  <a:cubicBezTo>
                    <a:pt x="400" y="245"/>
                    <a:pt x="400" y="245"/>
                    <a:pt x="400" y="245"/>
                  </a:cubicBezTo>
                  <a:cubicBezTo>
                    <a:pt x="400" y="241"/>
                    <a:pt x="403" y="238"/>
                    <a:pt x="407" y="238"/>
                  </a:cubicBezTo>
                  <a:cubicBezTo>
                    <a:pt x="568" y="238"/>
                    <a:pt x="568" y="238"/>
                    <a:pt x="568" y="238"/>
                  </a:cubicBezTo>
                  <a:cubicBezTo>
                    <a:pt x="572" y="238"/>
                    <a:pt x="575" y="241"/>
                    <a:pt x="575" y="245"/>
                  </a:cubicBezTo>
                  <a:cubicBezTo>
                    <a:pt x="575" y="632"/>
                    <a:pt x="575" y="632"/>
                    <a:pt x="575" y="632"/>
                  </a:cubicBezTo>
                  <a:cubicBezTo>
                    <a:pt x="575" y="636"/>
                    <a:pt x="572" y="639"/>
                    <a:pt x="568" y="639"/>
                  </a:cubicBezTo>
                  <a:close/>
                  <a:moveTo>
                    <a:pt x="414" y="625"/>
                  </a:moveTo>
                  <a:cubicBezTo>
                    <a:pt x="561" y="625"/>
                    <a:pt x="561" y="625"/>
                    <a:pt x="561" y="625"/>
                  </a:cubicBezTo>
                  <a:cubicBezTo>
                    <a:pt x="561" y="252"/>
                    <a:pt x="561" y="252"/>
                    <a:pt x="561" y="252"/>
                  </a:cubicBezTo>
                  <a:cubicBezTo>
                    <a:pt x="414" y="252"/>
                    <a:pt x="414" y="252"/>
                    <a:pt x="414" y="252"/>
                  </a:cubicBezTo>
                  <a:lnTo>
                    <a:pt x="414" y="625"/>
                  </a:ln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grpSp>
    </p:spTree>
    <p:custDataLst>
      <p:tags r:id="rId1"/>
    </p:custDataLst>
    <p:extLst>
      <p:ext uri="{BB962C8B-B14F-4D97-AF65-F5344CB8AC3E}">
        <p14:creationId xmlns:p14="http://schemas.microsoft.com/office/powerpoint/2010/main" val="2515323201"/>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90E838E4-68B5-4401-9104-43FBC9AF3E2C}"/>
              </a:ext>
            </a:extLst>
          </p:cNvPr>
          <p:cNvSpPr>
            <a:spLocks noGrp="1"/>
          </p:cNvSpPr>
          <p:nvPr>
            <p:ph type="title"/>
          </p:nvPr>
        </p:nvSpPr>
        <p:spPr/>
        <p:txBody>
          <a:bodyPr/>
          <a:lstStyle/>
          <a:p>
            <a:r>
              <a:rPr lang="en-US" sz="2800" dirty="0"/>
              <a:t>Possible Use Cases</a:t>
            </a:r>
          </a:p>
        </p:txBody>
      </p:sp>
      <p:sp>
        <p:nvSpPr>
          <p:cNvPr id="11" name="Content Placeholder 10">
            <a:extLst>
              <a:ext uri="{FF2B5EF4-FFF2-40B4-BE49-F238E27FC236}">
                <a16:creationId xmlns:a16="http://schemas.microsoft.com/office/drawing/2014/main" id="{90136313-5006-4F73-8A39-969A5CD70DBA}"/>
              </a:ext>
            </a:extLst>
          </p:cNvPr>
          <p:cNvSpPr>
            <a:spLocks noGrp="1"/>
          </p:cNvSpPr>
          <p:nvPr>
            <p:ph idx="10"/>
          </p:nvPr>
        </p:nvSpPr>
        <p:spPr/>
        <p:txBody>
          <a:bodyPr/>
          <a:lstStyle/>
          <a:p>
            <a:pPr algn="ctr"/>
            <a:r>
              <a:rPr lang="en-US" sz="2000" dirty="0"/>
              <a:t>Learning for Students or Other Constituents</a:t>
            </a:r>
          </a:p>
        </p:txBody>
      </p:sp>
      <p:sp>
        <p:nvSpPr>
          <p:cNvPr id="12" name="Content Placeholder 11">
            <a:extLst>
              <a:ext uri="{FF2B5EF4-FFF2-40B4-BE49-F238E27FC236}">
                <a16:creationId xmlns:a16="http://schemas.microsoft.com/office/drawing/2014/main" id="{A5302949-62BB-44CD-8E53-119B57589D85}"/>
              </a:ext>
            </a:extLst>
          </p:cNvPr>
          <p:cNvSpPr>
            <a:spLocks noGrp="1"/>
          </p:cNvSpPr>
          <p:nvPr>
            <p:ph sz="quarter" idx="11"/>
          </p:nvPr>
        </p:nvSpPr>
        <p:spPr/>
        <p:txBody>
          <a:bodyPr/>
          <a:lstStyle/>
          <a:p>
            <a:pPr algn="ctr">
              <a:lnSpc>
                <a:spcPct val="100000"/>
              </a:lnSpc>
              <a:spcBef>
                <a:spcPts val="0"/>
              </a:spcBef>
            </a:pPr>
            <a:r>
              <a:rPr lang="en-US" sz="2000" dirty="0"/>
              <a:t>Training for Employees </a:t>
            </a:r>
          </a:p>
          <a:p>
            <a:pPr algn="ctr">
              <a:lnSpc>
                <a:spcPct val="100000"/>
              </a:lnSpc>
              <a:spcBef>
                <a:spcPts val="0"/>
              </a:spcBef>
            </a:pPr>
            <a:r>
              <a:rPr lang="en-US" sz="2000" dirty="0"/>
              <a:t>or Volunteers</a:t>
            </a:r>
          </a:p>
          <a:p>
            <a:pPr algn="ctr"/>
            <a:endParaRPr lang="en-US" dirty="0"/>
          </a:p>
        </p:txBody>
      </p:sp>
      <p:sp>
        <p:nvSpPr>
          <p:cNvPr id="13" name="Content Placeholder 12">
            <a:extLst>
              <a:ext uri="{FF2B5EF4-FFF2-40B4-BE49-F238E27FC236}">
                <a16:creationId xmlns:a16="http://schemas.microsoft.com/office/drawing/2014/main" id="{416D1439-C213-4D1B-AADB-2C738799EEC1}"/>
              </a:ext>
            </a:extLst>
          </p:cNvPr>
          <p:cNvSpPr>
            <a:spLocks noGrp="1"/>
          </p:cNvSpPr>
          <p:nvPr>
            <p:ph sz="quarter" idx="12"/>
          </p:nvPr>
        </p:nvSpPr>
        <p:spPr/>
        <p:txBody>
          <a:bodyPr/>
          <a:lstStyle/>
          <a:p>
            <a:pPr algn="ctr">
              <a:lnSpc>
                <a:spcPct val="100000"/>
              </a:lnSpc>
              <a:spcBef>
                <a:spcPts val="0"/>
              </a:spcBef>
            </a:pPr>
            <a:r>
              <a:rPr lang="en-US" sz="2000" dirty="0"/>
              <a:t>Need to Reduce</a:t>
            </a:r>
          </a:p>
          <a:p>
            <a:pPr algn="ctr">
              <a:lnSpc>
                <a:spcPct val="100000"/>
              </a:lnSpc>
              <a:spcBef>
                <a:spcPts val="0"/>
              </a:spcBef>
            </a:pPr>
            <a:r>
              <a:rPr lang="en-US" sz="2000" dirty="0"/>
              <a:t> Training Costs</a:t>
            </a:r>
          </a:p>
        </p:txBody>
      </p:sp>
      <p:grpSp>
        <p:nvGrpSpPr>
          <p:cNvPr id="15" name="Group 103">
            <a:extLst>
              <a:ext uri="{FF2B5EF4-FFF2-40B4-BE49-F238E27FC236}">
                <a16:creationId xmlns:a16="http://schemas.microsoft.com/office/drawing/2014/main" id="{F8FA8E88-16C0-48F3-83FC-42E01157F16B}"/>
              </a:ext>
            </a:extLst>
          </p:cNvPr>
          <p:cNvGrpSpPr>
            <a:grpSpLocks noChangeAspect="1"/>
          </p:cNvGrpSpPr>
          <p:nvPr/>
        </p:nvGrpSpPr>
        <p:grpSpPr bwMode="auto">
          <a:xfrm>
            <a:off x="6262689" y="3649243"/>
            <a:ext cx="2105021" cy="2261411"/>
            <a:chOff x="6354" y="3142"/>
            <a:chExt cx="673" cy="723"/>
          </a:xfrm>
          <a:solidFill>
            <a:schemeClr val="accent1"/>
          </a:solidFill>
        </p:grpSpPr>
        <p:sp>
          <p:nvSpPr>
            <p:cNvPr id="16" name="Freeform 104">
              <a:extLst>
                <a:ext uri="{FF2B5EF4-FFF2-40B4-BE49-F238E27FC236}">
                  <a16:creationId xmlns:a16="http://schemas.microsoft.com/office/drawing/2014/main" id="{83DB1F83-D07A-431A-B8FA-D01D6F1AAF93}"/>
                </a:ext>
              </a:extLst>
            </p:cNvPr>
            <p:cNvSpPr>
              <a:spLocks noEditPoints="1"/>
            </p:cNvSpPr>
            <p:nvPr/>
          </p:nvSpPr>
          <p:spPr bwMode="auto">
            <a:xfrm>
              <a:off x="6354" y="3756"/>
              <a:ext cx="183" cy="109"/>
            </a:xfrm>
            <a:custGeom>
              <a:avLst/>
              <a:gdLst>
                <a:gd name="T0" fmla="*/ 256 w 303"/>
                <a:gd name="T1" fmla="*/ 132 h 179"/>
                <a:gd name="T2" fmla="*/ 256 w 303"/>
                <a:gd name="T3" fmla="*/ 132 h 179"/>
                <a:gd name="T4" fmla="*/ 46 w 303"/>
                <a:gd name="T5" fmla="*/ 132 h 179"/>
                <a:gd name="T6" fmla="*/ 46 w 303"/>
                <a:gd name="T7" fmla="*/ 46 h 179"/>
                <a:gd name="T8" fmla="*/ 173 w 303"/>
                <a:gd name="T9" fmla="*/ 46 h 179"/>
                <a:gd name="T10" fmla="*/ 256 w 303"/>
                <a:gd name="T11" fmla="*/ 130 h 179"/>
                <a:gd name="T12" fmla="*/ 256 w 303"/>
                <a:gd name="T13" fmla="*/ 132 h 179"/>
                <a:gd name="T14" fmla="*/ 173 w 303"/>
                <a:gd name="T15" fmla="*/ 0 h 179"/>
                <a:gd name="T16" fmla="*/ 173 w 303"/>
                <a:gd name="T17" fmla="*/ 0 h 179"/>
                <a:gd name="T18" fmla="*/ 23 w 303"/>
                <a:gd name="T19" fmla="*/ 0 h 179"/>
                <a:gd name="T20" fmla="*/ 0 w 303"/>
                <a:gd name="T21" fmla="*/ 23 h 179"/>
                <a:gd name="T22" fmla="*/ 0 w 303"/>
                <a:gd name="T23" fmla="*/ 155 h 179"/>
                <a:gd name="T24" fmla="*/ 23 w 303"/>
                <a:gd name="T25" fmla="*/ 179 h 179"/>
                <a:gd name="T26" fmla="*/ 280 w 303"/>
                <a:gd name="T27" fmla="*/ 179 h 179"/>
                <a:gd name="T28" fmla="*/ 303 w 303"/>
                <a:gd name="T29" fmla="*/ 155 h 179"/>
                <a:gd name="T30" fmla="*/ 303 w 303"/>
                <a:gd name="T31" fmla="*/ 130 h 179"/>
                <a:gd name="T32" fmla="*/ 173 w 303"/>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3" h="179">
                  <a:moveTo>
                    <a:pt x="256" y="132"/>
                  </a:moveTo>
                  <a:lnTo>
                    <a:pt x="256" y="132"/>
                  </a:lnTo>
                  <a:lnTo>
                    <a:pt x="46" y="132"/>
                  </a:lnTo>
                  <a:lnTo>
                    <a:pt x="46" y="46"/>
                  </a:lnTo>
                  <a:lnTo>
                    <a:pt x="173" y="46"/>
                  </a:lnTo>
                  <a:cubicBezTo>
                    <a:pt x="219" y="46"/>
                    <a:pt x="256" y="84"/>
                    <a:pt x="256" y="130"/>
                  </a:cubicBezTo>
                  <a:lnTo>
                    <a:pt x="256" y="132"/>
                  </a:lnTo>
                  <a:close/>
                  <a:moveTo>
                    <a:pt x="173" y="0"/>
                  </a:moveTo>
                  <a:lnTo>
                    <a:pt x="173" y="0"/>
                  </a:lnTo>
                  <a:lnTo>
                    <a:pt x="23" y="0"/>
                  </a:lnTo>
                  <a:cubicBezTo>
                    <a:pt x="10" y="0"/>
                    <a:pt x="0" y="10"/>
                    <a:pt x="0" y="23"/>
                  </a:cubicBezTo>
                  <a:lnTo>
                    <a:pt x="0" y="155"/>
                  </a:lnTo>
                  <a:cubicBezTo>
                    <a:pt x="0" y="168"/>
                    <a:pt x="10" y="179"/>
                    <a:pt x="23" y="179"/>
                  </a:cubicBezTo>
                  <a:lnTo>
                    <a:pt x="280" y="179"/>
                  </a:lnTo>
                  <a:cubicBezTo>
                    <a:pt x="293" y="179"/>
                    <a:pt x="303" y="168"/>
                    <a:pt x="303" y="155"/>
                  </a:cubicBezTo>
                  <a:lnTo>
                    <a:pt x="303" y="130"/>
                  </a:lnTo>
                  <a:cubicBezTo>
                    <a:pt x="303" y="58"/>
                    <a:pt x="245" y="0"/>
                    <a:pt x="173"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17" name="Freeform 105">
              <a:extLst>
                <a:ext uri="{FF2B5EF4-FFF2-40B4-BE49-F238E27FC236}">
                  <a16:creationId xmlns:a16="http://schemas.microsoft.com/office/drawing/2014/main" id="{11EE1ADF-CA02-48FE-927B-1B31E0D946C1}"/>
                </a:ext>
              </a:extLst>
            </p:cNvPr>
            <p:cNvSpPr>
              <a:spLocks noEditPoints="1"/>
            </p:cNvSpPr>
            <p:nvPr/>
          </p:nvSpPr>
          <p:spPr bwMode="auto">
            <a:xfrm>
              <a:off x="6354" y="3614"/>
              <a:ext cx="129" cy="129"/>
            </a:xfrm>
            <a:custGeom>
              <a:avLst/>
              <a:gdLst>
                <a:gd name="T0" fmla="*/ 106 w 213"/>
                <a:gd name="T1" fmla="*/ 46 h 213"/>
                <a:gd name="T2" fmla="*/ 106 w 213"/>
                <a:gd name="T3" fmla="*/ 46 h 213"/>
                <a:gd name="T4" fmla="*/ 166 w 213"/>
                <a:gd name="T5" fmla="*/ 106 h 213"/>
                <a:gd name="T6" fmla="*/ 106 w 213"/>
                <a:gd name="T7" fmla="*/ 166 h 213"/>
                <a:gd name="T8" fmla="*/ 46 w 213"/>
                <a:gd name="T9" fmla="*/ 106 h 213"/>
                <a:gd name="T10" fmla="*/ 106 w 213"/>
                <a:gd name="T11" fmla="*/ 46 h 213"/>
                <a:gd name="T12" fmla="*/ 106 w 213"/>
                <a:gd name="T13" fmla="*/ 213 h 213"/>
                <a:gd name="T14" fmla="*/ 106 w 213"/>
                <a:gd name="T15" fmla="*/ 213 h 213"/>
                <a:gd name="T16" fmla="*/ 213 w 213"/>
                <a:gd name="T17" fmla="*/ 106 h 213"/>
                <a:gd name="T18" fmla="*/ 106 w 213"/>
                <a:gd name="T19" fmla="*/ 0 h 213"/>
                <a:gd name="T20" fmla="*/ 0 w 213"/>
                <a:gd name="T21" fmla="*/ 106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6"/>
                  </a:moveTo>
                  <a:lnTo>
                    <a:pt x="106" y="46"/>
                  </a:lnTo>
                  <a:cubicBezTo>
                    <a:pt x="139" y="46"/>
                    <a:pt x="166" y="73"/>
                    <a:pt x="166" y="106"/>
                  </a:cubicBezTo>
                  <a:cubicBezTo>
                    <a:pt x="166" y="139"/>
                    <a:pt x="139" y="166"/>
                    <a:pt x="106" y="166"/>
                  </a:cubicBezTo>
                  <a:cubicBezTo>
                    <a:pt x="73" y="166"/>
                    <a:pt x="46" y="139"/>
                    <a:pt x="46" y="106"/>
                  </a:cubicBezTo>
                  <a:cubicBezTo>
                    <a:pt x="46" y="73"/>
                    <a:pt x="73" y="46"/>
                    <a:pt x="106" y="46"/>
                  </a:cubicBezTo>
                  <a:close/>
                  <a:moveTo>
                    <a:pt x="106" y="213"/>
                  </a:moveTo>
                  <a:lnTo>
                    <a:pt x="106" y="213"/>
                  </a:lnTo>
                  <a:cubicBezTo>
                    <a:pt x="165" y="213"/>
                    <a:pt x="213" y="165"/>
                    <a:pt x="213" y="106"/>
                  </a:cubicBezTo>
                  <a:cubicBezTo>
                    <a:pt x="213" y="48"/>
                    <a:pt x="165" y="0"/>
                    <a:pt x="106" y="0"/>
                  </a:cubicBezTo>
                  <a:cubicBezTo>
                    <a:pt x="47" y="0"/>
                    <a:pt x="0" y="48"/>
                    <a:pt x="0" y="106"/>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18" name="Freeform 106">
              <a:extLst>
                <a:ext uri="{FF2B5EF4-FFF2-40B4-BE49-F238E27FC236}">
                  <a16:creationId xmlns:a16="http://schemas.microsoft.com/office/drawing/2014/main" id="{E9EFE00E-A7C0-400F-BF04-603263AF8872}"/>
                </a:ext>
              </a:extLst>
            </p:cNvPr>
            <p:cNvSpPr>
              <a:spLocks noEditPoints="1"/>
            </p:cNvSpPr>
            <p:nvPr/>
          </p:nvSpPr>
          <p:spPr bwMode="auto">
            <a:xfrm>
              <a:off x="6552"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1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1" y="179"/>
                  </a:lnTo>
                  <a:cubicBezTo>
                    <a:pt x="293" y="179"/>
                    <a:pt x="304" y="168"/>
                    <a:pt x="304" y="155"/>
                  </a:cubicBezTo>
                  <a:lnTo>
                    <a:pt x="304" y="130"/>
                  </a:lnTo>
                  <a:cubicBezTo>
                    <a:pt x="304" y="58"/>
                    <a:pt x="246"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19" name="Freeform 107">
              <a:extLst>
                <a:ext uri="{FF2B5EF4-FFF2-40B4-BE49-F238E27FC236}">
                  <a16:creationId xmlns:a16="http://schemas.microsoft.com/office/drawing/2014/main" id="{DBA0D0EC-68CD-46BC-9D7D-96BE62FFAEE4}"/>
                </a:ext>
              </a:extLst>
            </p:cNvPr>
            <p:cNvSpPr>
              <a:spLocks noEditPoints="1"/>
            </p:cNvSpPr>
            <p:nvPr/>
          </p:nvSpPr>
          <p:spPr bwMode="auto">
            <a:xfrm>
              <a:off x="6552" y="3614"/>
              <a:ext cx="130"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20" name="Freeform 108">
              <a:extLst>
                <a:ext uri="{FF2B5EF4-FFF2-40B4-BE49-F238E27FC236}">
                  <a16:creationId xmlns:a16="http://schemas.microsoft.com/office/drawing/2014/main" id="{0A23EA35-3D7F-4EF7-B350-BC6C593FD112}"/>
                </a:ext>
              </a:extLst>
            </p:cNvPr>
            <p:cNvSpPr>
              <a:spLocks noEditPoints="1"/>
            </p:cNvSpPr>
            <p:nvPr/>
          </p:nvSpPr>
          <p:spPr bwMode="auto">
            <a:xfrm>
              <a:off x="6751"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0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0" y="179"/>
                  </a:lnTo>
                  <a:cubicBezTo>
                    <a:pt x="293" y="179"/>
                    <a:pt x="304" y="168"/>
                    <a:pt x="304" y="155"/>
                  </a:cubicBezTo>
                  <a:lnTo>
                    <a:pt x="304" y="130"/>
                  </a:lnTo>
                  <a:cubicBezTo>
                    <a:pt x="304" y="58"/>
                    <a:pt x="245"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21" name="Freeform 109">
              <a:extLst>
                <a:ext uri="{FF2B5EF4-FFF2-40B4-BE49-F238E27FC236}">
                  <a16:creationId xmlns:a16="http://schemas.microsoft.com/office/drawing/2014/main" id="{98E99A0D-D1CA-4E58-9833-809716B108FC}"/>
                </a:ext>
              </a:extLst>
            </p:cNvPr>
            <p:cNvSpPr>
              <a:spLocks noEditPoints="1"/>
            </p:cNvSpPr>
            <p:nvPr/>
          </p:nvSpPr>
          <p:spPr bwMode="auto">
            <a:xfrm>
              <a:off x="6751" y="3614"/>
              <a:ext cx="129"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22" name="Freeform 110">
              <a:extLst>
                <a:ext uri="{FF2B5EF4-FFF2-40B4-BE49-F238E27FC236}">
                  <a16:creationId xmlns:a16="http://schemas.microsoft.com/office/drawing/2014/main" id="{01C5AF4F-78C9-49FF-9D58-4EF27DC4D7E3}"/>
                </a:ext>
              </a:extLst>
            </p:cNvPr>
            <p:cNvSpPr>
              <a:spLocks noEditPoints="1"/>
            </p:cNvSpPr>
            <p:nvPr/>
          </p:nvSpPr>
          <p:spPr bwMode="auto">
            <a:xfrm>
              <a:off x="6381" y="3223"/>
              <a:ext cx="129" cy="128"/>
            </a:xfrm>
            <a:custGeom>
              <a:avLst/>
              <a:gdLst>
                <a:gd name="T0" fmla="*/ 106 w 213"/>
                <a:gd name="T1" fmla="*/ 47 h 213"/>
                <a:gd name="T2" fmla="*/ 106 w 213"/>
                <a:gd name="T3" fmla="*/ 47 h 213"/>
                <a:gd name="T4" fmla="*/ 166 w 213"/>
                <a:gd name="T5" fmla="*/ 107 h 213"/>
                <a:gd name="T6" fmla="*/ 106 w 213"/>
                <a:gd name="T7" fmla="*/ 167 h 213"/>
                <a:gd name="T8" fmla="*/ 46 w 213"/>
                <a:gd name="T9" fmla="*/ 107 h 213"/>
                <a:gd name="T10" fmla="*/ 106 w 213"/>
                <a:gd name="T11" fmla="*/ 47 h 213"/>
                <a:gd name="T12" fmla="*/ 106 w 213"/>
                <a:gd name="T13" fmla="*/ 213 h 213"/>
                <a:gd name="T14" fmla="*/ 106 w 213"/>
                <a:gd name="T15" fmla="*/ 213 h 213"/>
                <a:gd name="T16" fmla="*/ 213 w 213"/>
                <a:gd name="T17" fmla="*/ 107 h 213"/>
                <a:gd name="T18" fmla="*/ 106 w 213"/>
                <a:gd name="T19" fmla="*/ 0 h 213"/>
                <a:gd name="T20" fmla="*/ 0 w 213"/>
                <a:gd name="T21" fmla="*/ 107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7"/>
                  </a:moveTo>
                  <a:lnTo>
                    <a:pt x="106" y="47"/>
                  </a:lnTo>
                  <a:cubicBezTo>
                    <a:pt x="139" y="47"/>
                    <a:pt x="166" y="74"/>
                    <a:pt x="166" y="107"/>
                  </a:cubicBezTo>
                  <a:cubicBezTo>
                    <a:pt x="166" y="140"/>
                    <a:pt x="139" y="167"/>
                    <a:pt x="106" y="167"/>
                  </a:cubicBezTo>
                  <a:cubicBezTo>
                    <a:pt x="73" y="167"/>
                    <a:pt x="46" y="140"/>
                    <a:pt x="46" y="107"/>
                  </a:cubicBezTo>
                  <a:cubicBezTo>
                    <a:pt x="46" y="74"/>
                    <a:pt x="73" y="47"/>
                    <a:pt x="106" y="47"/>
                  </a:cubicBezTo>
                  <a:close/>
                  <a:moveTo>
                    <a:pt x="106" y="213"/>
                  </a:moveTo>
                  <a:lnTo>
                    <a:pt x="106" y="213"/>
                  </a:lnTo>
                  <a:cubicBezTo>
                    <a:pt x="165" y="213"/>
                    <a:pt x="213" y="165"/>
                    <a:pt x="213" y="107"/>
                  </a:cubicBezTo>
                  <a:cubicBezTo>
                    <a:pt x="213" y="48"/>
                    <a:pt x="165" y="0"/>
                    <a:pt x="106" y="0"/>
                  </a:cubicBezTo>
                  <a:cubicBezTo>
                    <a:pt x="47" y="0"/>
                    <a:pt x="0" y="48"/>
                    <a:pt x="0" y="107"/>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23" name="Freeform 111">
              <a:extLst>
                <a:ext uri="{FF2B5EF4-FFF2-40B4-BE49-F238E27FC236}">
                  <a16:creationId xmlns:a16="http://schemas.microsoft.com/office/drawing/2014/main" id="{07C0F81C-DC51-482D-B032-F6F753D41EC0}"/>
                </a:ext>
              </a:extLst>
            </p:cNvPr>
            <p:cNvSpPr>
              <a:spLocks noEditPoints="1"/>
            </p:cNvSpPr>
            <p:nvPr/>
          </p:nvSpPr>
          <p:spPr bwMode="auto">
            <a:xfrm>
              <a:off x="6354" y="3142"/>
              <a:ext cx="673" cy="439"/>
            </a:xfrm>
            <a:custGeom>
              <a:avLst/>
              <a:gdLst>
                <a:gd name="T0" fmla="*/ 1067 w 1113"/>
                <a:gd name="T1" fmla="*/ 575 h 727"/>
                <a:gd name="T2" fmla="*/ 1067 w 1113"/>
                <a:gd name="T3" fmla="*/ 575 h 727"/>
                <a:gd name="T4" fmla="*/ 969 w 1113"/>
                <a:gd name="T5" fmla="*/ 575 h 727"/>
                <a:gd name="T6" fmla="*/ 888 w 1113"/>
                <a:gd name="T7" fmla="*/ 506 h 727"/>
                <a:gd name="T8" fmla="*/ 823 w 1113"/>
                <a:gd name="T9" fmla="*/ 506 h 727"/>
                <a:gd name="T10" fmla="*/ 742 w 1113"/>
                <a:gd name="T11" fmla="*/ 575 h 727"/>
                <a:gd name="T12" fmla="*/ 405 w 1113"/>
                <a:gd name="T13" fmla="*/ 575 h 727"/>
                <a:gd name="T14" fmla="*/ 405 w 1113"/>
                <a:gd name="T15" fmla="*/ 516 h 727"/>
                <a:gd name="T16" fmla="*/ 502 w 1113"/>
                <a:gd name="T17" fmla="*/ 516 h 727"/>
                <a:gd name="T18" fmla="*/ 578 w 1113"/>
                <a:gd name="T19" fmla="*/ 441 h 727"/>
                <a:gd name="T20" fmla="*/ 575 w 1113"/>
                <a:gd name="T21" fmla="*/ 421 h 727"/>
                <a:gd name="T22" fmla="*/ 746 w 1113"/>
                <a:gd name="T23" fmla="*/ 251 h 727"/>
                <a:gd name="T24" fmla="*/ 746 w 1113"/>
                <a:gd name="T25" fmla="*/ 168 h 727"/>
                <a:gd name="T26" fmla="*/ 704 w 1113"/>
                <a:gd name="T27" fmla="*/ 150 h 727"/>
                <a:gd name="T28" fmla="*/ 662 w 1113"/>
                <a:gd name="T29" fmla="*/ 167 h 727"/>
                <a:gd name="T30" fmla="*/ 464 w 1113"/>
                <a:gd name="T31" fmla="*/ 365 h 727"/>
                <a:gd name="T32" fmla="*/ 405 w 1113"/>
                <a:gd name="T33" fmla="*/ 365 h 727"/>
                <a:gd name="T34" fmla="*/ 405 w 1113"/>
                <a:gd name="T35" fmla="*/ 46 h 727"/>
                <a:gd name="T36" fmla="*/ 1067 w 1113"/>
                <a:gd name="T37" fmla="*/ 46 h 727"/>
                <a:gd name="T38" fmla="*/ 1067 w 1113"/>
                <a:gd name="T39" fmla="*/ 575 h 727"/>
                <a:gd name="T40" fmla="*/ 280 w 1113"/>
                <a:gd name="T41" fmla="*/ 470 h 727"/>
                <a:gd name="T42" fmla="*/ 280 w 1113"/>
                <a:gd name="T43" fmla="*/ 470 h 727"/>
                <a:gd name="T44" fmla="*/ 256 w 1113"/>
                <a:gd name="T45" fmla="*/ 493 h 727"/>
                <a:gd name="T46" fmla="*/ 256 w 1113"/>
                <a:gd name="T47" fmla="*/ 681 h 727"/>
                <a:gd name="T48" fmla="*/ 46 w 1113"/>
                <a:gd name="T49" fmla="*/ 681 h 727"/>
                <a:gd name="T50" fmla="*/ 46 w 1113"/>
                <a:gd name="T51" fmla="*/ 491 h 727"/>
                <a:gd name="T52" fmla="*/ 125 w 1113"/>
                <a:gd name="T53" fmla="*/ 412 h 727"/>
                <a:gd name="T54" fmla="*/ 474 w 1113"/>
                <a:gd name="T55" fmla="*/ 412 h 727"/>
                <a:gd name="T56" fmla="*/ 490 w 1113"/>
                <a:gd name="T57" fmla="*/ 405 h 727"/>
                <a:gd name="T58" fmla="*/ 695 w 1113"/>
                <a:gd name="T59" fmla="*/ 200 h 727"/>
                <a:gd name="T60" fmla="*/ 713 w 1113"/>
                <a:gd name="T61" fmla="*/ 201 h 727"/>
                <a:gd name="T62" fmla="*/ 713 w 1113"/>
                <a:gd name="T63" fmla="*/ 218 h 727"/>
                <a:gd name="T64" fmla="*/ 531 w 1113"/>
                <a:gd name="T65" fmla="*/ 399 h 727"/>
                <a:gd name="T66" fmla="*/ 527 w 1113"/>
                <a:gd name="T67" fmla="*/ 427 h 727"/>
                <a:gd name="T68" fmla="*/ 531 w 1113"/>
                <a:gd name="T69" fmla="*/ 441 h 727"/>
                <a:gd name="T70" fmla="*/ 502 w 1113"/>
                <a:gd name="T71" fmla="*/ 470 h 727"/>
                <a:gd name="T72" fmla="*/ 280 w 1113"/>
                <a:gd name="T73" fmla="*/ 470 h 727"/>
                <a:gd name="T74" fmla="*/ 1081 w 1113"/>
                <a:gd name="T75" fmla="*/ 0 h 727"/>
                <a:gd name="T76" fmla="*/ 1081 w 1113"/>
                <a:gd name="T77" fmla="*/ 0 h 727"/>
                <a:gd name="T78" fmla="*/ 391 w 1113"/>
                <a:gd name="T79" fmla="*/ 0 h 727"/>
                <a:gd name="T80" fmla="*/ 358 w 1113"/>
                <a:gd name="T81" fmla="*/ 32 h 727"/>
                <a:gd name="T82" fmla="*/ 358 w 1113"/>
                <a:gd name="T83" fmla="*/ 365 h 727"/>
                <a:gd name="T84" fmla="*/ 125 w 1113"/>
                <a:gd name="T85" fmla="*/ 365 h 727"/>
                <a:gd name="T86" fmla="*/ 0 w 1113"/>
                <a:gd name="T87" fmla="*/ 491 h 727"/>
                <a:gd name="T88" fmla="*/ 0 w 1113"/>
                <a:gd name="T89" fmla="*/ 704 h 727"/>
                <a:gd name="T90" fmla="*/ 23 w 1113"/>
                <a:gd name="T91" fmla="*/ 727 h 727"/>
                <a:gd name="T92" fmla="*/ 280 w 1113"/>
                <a:gd name="T93" fmla="*/ 727 h 727"/>
                <a:gd name="T94" fmla="*/ 303 w 1113"/>
                <a:gd name="T95" fmla="*/ 704 h 727"/>
                <a:gd name="T96" fmla="*/ 303 w 1113"/>
                <a:gd name="T97" fmla="*/ 516 h 727"/>
                <a:gd name="T98" fmla="*/ 358 w 1113"/>
                <a:gd name="T99" fmla="*/ 516 h 727"/>
                <a:gd name="T100" fmla="*/ 358 w 1113"/>
                <a:gd name="T101" fmla="*/ 589 h 727"/>
                <a:gd name="T102" fmla="*/ 391 w 1113"/>
                <a:gd name="T103" fmla="*/ 622 h 727"/>
                <a:gd name="T104" fmla="*/ 755 w 1113"/>
                <a:gd name="T105" fmla="*/ 622 h 727"/>
                <a:gd name="T106" fmla="*/ 787 w 1113"/>
                <a:gd name="T107" fmla="*/ 589 h 727"/>
                <a:gd name="T108" fmla="*/ 823 w 1113"/>
                <a:gd name="T109" fmla="*/ 553 h 727"/>
                <a:gd name="T110" fmla="*/ 888 w 1113"/>
                <a:gd name="T111" fmla="*/ 553 h 727"/>
                <a:gd name="T112" fmla="*/ 924 w 1113"/>
                <a:gd name="T113" fmla="*/ 589 h 727"/>
                <a:gd name="T114" fmla="*/ 956 w 1113"/>
                <a:gd name="T115" fmla="*/ 622 h 727"/>
                <a:gd name="T116" fmla="*/ 1081 w 1113"/>
                <a:gd name="T117" fmla="*/ 622 h 727"/>
                <a:gd name="T118" fmla="*/ 1113 w 1113"/>
                <a:gd name="T119" fmla="*/ 589 h 727"/>
                <a:gd name="T120" fmla="*/ 1113 w 1113"/>
                <a:gd name="T121" fmla="*/ 32 h 727"/>
                <a:gd name="T122" fmla="*/ 1081 w 1113"/>
                <a:gd name="T123" fmla="*/ 0 h 7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113" h="727">
                  <a:moveTo>
                    <a:pt x="1067" y="575"/>
                  </a:moveTo>
                  <a:lnTo>
                    <a:pt x="1067" y="575"/>
                  </a:lnTo>
                  <a:lnTo>
                    <a:pt x="969" y="575"/>
                  </a:lnTo>
                  <a:cubicBezTo>
                    <a:pt x="962" y="536"/>
                    <a:pt x="928" y="506"/>
                    <a:pt x="888" y="506"/>
                  </a:cubicBezTo>
                  <a:lnTo>
                    <a:pt x="823" y="506"/>
                  </a:lnTo>
                  <a:cubicBezTo>
                    <a:pt x="782" y="506"/>
                    <a:pt x="748" y="536"/>
                    <a:pt x="742" y="575"/>
                  </a:cubicBezTo>
                  <a:lnTo>
                    <a:pt x="405" y="575"/>
                  </a:lnTo>
                  <a:lnTo>
                    <a:pt x="405" y="516"/>
                  </a:lnTo>
                  <a:lnTo>
                    <a:pt x="502" y="516"/>
                  </a:lnTo>
                  <a:cubicBezTo>
                    <a:pt x="544" y="516"/>
                    <a:pt x="578" y="482"/>
                    <a:pt x="578" y="441"/>
                  </a:cubicBezTo>
                  <a:cubicBezTo>
                    <a:pt x="578" y="434"/>
                    <a:pt x="577" y="428"/>
                    <a:pt x="575" y="421"/>
                  </a:cubicBezTo>
                  <a:lnTo>
                    <a:pt x="746" y="251"/>
                  </a:lnTo>
                  <a:cubicBezTo>
                    <a:pt x="769" y="228"/>
                    <a:pt x="769" y="191"/>
                    <a:pt x="746" y="168"/>
                  </a:cubicBezTo>
                  <a:cubicBezTo>
                    <a:pt x="735" y="156"/>
                    <a:pt x="720" y="150"/>
                    <a:pt x="704" y="150"/>
                  </a:cubicBezTo>
                  <a:cubicBezTo>
                    <a:pt x="688" y="150"/>
                    <a:pt x="673" y="156"/>
                    <a:pt x="662" y="167"/>
                  </a:cubicBezTo>
                  <a:lnTo>
                    <a:pt x="464" y="365"/>
                  </a:lnTo>
                  <a:lnTo>
                    <a:pt x="405" y="365"/>
                  </a:lnTo>
                  <a:lnTo>
                    <a:pt x="405" y="46"/>
                  </a:lnTo>
                  <a:lnTo>
                    <a:pt x="1067" y="46"/>
                  </a:lnTo>
                  <a:lnTo>
                    <a:pt x="1067" y="575"/>
                  </a:lnTo>
                  <a:close/>
                  <a:moveTo>
                    <a:pt x="280" y="470"/>
                  </a:moveTo>
                  <a:lnTo>
                    <a:pt x="280" y="470"/>
                  </a:lnTo>
                  <a:cubicBezTo>
                    <a:pt x="267" y="470"/>
                    <a:pt x="256" y="480"/>
                    <a:pt x="256" y="493"/>
                  </a:cubicBezTo>
                  <a:lnTo>
                    <a:pt x="256" y="681"/>
                  </a:lnTo>
                  <a:lnTo>
                    <a:pt x="46" y="681"/>
                  </a:lnTo>
                  <a:lnTo>
                    <a:pt x="46" y="491"/>
                  </a:lnTo>
                  <a:cubicBezTo>
                    <a:pt x="46" y="447"/>
                    <a:pt x="82" y="412"/>
                    <a:pt x="125" y="412"/>
                  </a:cubicBezTo>
                  <a:lnTo>
                    <a:pt x="474" y="412"/>
                  </a:lnTo>
                  <a:cubicBezTo>
                    <a:pt x="480" y="412"/>
                    <a:pt x="486" y="409"/>
                    <a:pt x="490" y="405"/>
                  </a:cubicBezTo>
                  <a:lnTo>
                    <a:pt x="695" y="200"/>
                  </a:lnTo>
                  <a:cubicBezTo>
                    <a:pt x="700" y="196"/>
                    <a:pt x="708" y="196"/>
                    <a:pt x="713" y="201"/>
                  </a:cubicBezTo>
                  <a:cubicBezTo>
                    <a:pt x="718" y="205"/>
                    <a:pt x="718" y="213"/>
                    <a:pt x="713" y="218"/>
                  </a:cubicBezTo>
                  <a:lnTo>
                    <a:pt x="531" y="399"/>
                  </a:lnTo>
                  <a:cubicBezTo>
                    <a:pt x="524" y="407"/>
                    <a:pt x="522" y="418"/>
                    <a:pt x="527" y="427"/>
                  </a:cubicBezTo>
                  <a:cubicBezTo>
                    <a:pt x="530" y="431"/>
                    <a:pt x="531" y="436"/>
                    <a:pt x="531" y="441"/>
                  </a:cubicBezTo>
                  <a:cubicBezTo>
                    <a:pt x="531" y="457"/>
                    <a:pt x="518" y="470"/>
                    <a:pt x="502" y="470"/>
                  </a:cubicBezTo>
                  <a:lnTo>
                    <a:pt x="280" y="470"/>
                  </a:lnTo>
                  <a:close/>
                  <a:moveTo>
                    <a:pt x="1081" y="0"/>
                  </a:moveTo>
                  <a:lnTo>
                    <a:pt x="1081" y="0"/>
                  </a:lnTo>
                  <a:lnTo>
                    <a:pt x="391" y="0"/>
                  </a:lnTo>
                  <a:cubicBezTo>
                    <a:pt x="373" y="0"/>
                    <a:pt x="358" y="14"/>
                    <a:pt x="358" y="32"/>
                  </a:cubicBezTo>
                  <a:lnTo>
                    <a:pt x="358" y="365"/>
                  </a:lnTo>
                  <a:lnTo>
                    <a:pt x="125" y="365"/>
                  </a:lnTo>
                  <a:cubicBezTo>
                    <a:pt x="56" y="365"/>
                    <a:pt x="0" y="421"/>
                    <a:pt x="0" y="491"/>
                  </a:cubicBezTo>
                  <a:lnTo>
                    <a:pt x="0" y="704"/>
                  </a:lnTo>
                  <a:cubicBezTo>
                    <a:pt x="0" y="717"/>
                    <a:pt x="10" y="727"/>
                    <a:pt x="23" y="727"/>
                  </a:cubicBezTo>
                  <a:lnTo>
                    <a:pt x="280" y="727"/>
                  </a:lnTo>
                  <a:cubicBezTo>
                    <a:pt x="293" y="727"/>
                    <a:pt x="303" y="717"/>
                    <a:pt x="303" y="704"/>
                  </a:cubicBezTo>
                  <a:lnTo>
                    <a:pt x="303" y="516"/>
                  </a:lnTo>
                  <a:lnTo>
                    <a:pt x="358" y="516"/>
                  </a:lnTo>
                  <a:lnTo>
                    <a:pt x="358" y="589"/>
                  </a:lnTo>
                  <a:cubicBezTo>
                    <a:pt x="358" y="607"/>
                    <a:pt x="373" y="622"/>
                    <a:pt x="391" y="622"/>
                  </a:cubicBezTo>
                  <a:lnTo>
                    <a:pt x="755" y="622"/>
                  </a:lnTo>
                  <a:cubicBezTo>
                    <a:pt x="773" y="622"/>
                    <a:pt x="787" y="607"/>
                    <a:pt x="787" y="589"/>
                  </a:cubicBezTo>
                  <a:cubicBezTo>
                    <a:pt x="787" y="569"/>
                    <a:pt x="803" y="553"/>
                    <a:pt x="823" y="553"/>
                  </a:cubicBezTo>
                  <a:lnTo>
                    <a:pt x="888" y="553"/>
                  </a:lnTo>
                  <a:cubicBezTo>
                    <a:pt x="907" y="553"/>
                    <a:pt x="924" y="569"/>
                    <a:pt x="924" y="589"/>
                  </a:cubicBezTo>
                  <a:cubicBezTo>
                    <a:pt x="924" y="607"/>
                    <a:pt x="938" y="622"/>
                    <a:pt x="956" y="622"/>
                  </a:cubicBezTo>
                  <a:lnTo>
                    <a:pt x="1081" y="622"/>
                  </a:lnTo>
                  <a:cubicBezTo>
                    <a:pt x="1099" y="622"/>
                    <a:pt x="1113" y="607"/>
                    <a:pt x="1113" y="589"/>
                  </a:cubicBezTo>
                  <a:lnTo>
                    <a:pt x="1113" y="32"/>
                  </a:lnTo>
                  <a:cubicBezTo>
                    <a:pt x="1113" y="14"/>
                    <a:pt x="1099" y="0"/>
                    <a:pt x="1081"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grpSp>
      <p:sp>
        <p:nvSpPr>
          <p:cNvPr id="24" name="Freeform 107">
            <a:extLst>
              <a:ext uri="{FF2B5EF4-FFF2-40B4-BE49-F238E27FC236}">
                <a16:creationId xmlns:a16="http://schemas.microsoft.com/office/drawing/2014/main" id="{7CEF745C-351D-4A7E-B158-16A847856B3F}"/>
              </a:ext>
            </a:extLst>
          </p:cNvPr>
          <p:cNvSpPr>
            <a:spLocks noEditPoints="1"/>
          </p:cNvSpPr>
          <p:nvPr/>
        </p:nvSpPr>
        <p:spPr bwMode="auto">
          <a:xfrm>
            <a:off x="1293956" y="3856754"/>
            <a:ext cx="2970928" cy="1945194"/>
          </a:xfrm>
          <a:custGeom>
            <a:avLst/>
            <a:gdLst>
              <a:gd name="T0" fmla="*/ 663 w 1316"/>
              <a:gd name="T1" fmla="*/ 406 h 798"/>
              <a:gd name="T2" fmla="*/ 663 w 1316"/>
              <a:gd name="T3" fmla="*/ 55 h 798"/>
              <a:gd name="T4" fmla="*/ 663 w 1316"/>
              <a:gd name="T5" fmla="*/ 406 h 798"/>
              <a:gd name="T6" fmla="*/ 954 w 1316"/>
              <a:gd name="T7" fmla="*/ 567 h 798"/>
              <a:gd name="T8" fmla="*/ 371 w 1316"/>
              <a:gd name="T9" fmla="*/ 567 h 798"/>
              <a:gd name="T10" fmla="*/ 655 w 1316"/>
              <a:gd name="T11" fmla="*/ 459 h 798"/>
              <a:gd name="T12" fmla="*/ 672 w 1316"/>
              <a:gd name="T13" fmla="*/ 459 h 798"/>
              <a:gd name="T14" fmla="*/ 954 w 1316"/>
              <a:gd name="T15" fmla="*/ 567 h 798"/>
              <a:gd name="T16" fmla="*/ 119 w 1316"/>
              <a:gd name="T17" fmla="*/ 725 h 798"/>
              <a:gd name="T18" fmla="*/ 88 w 1316"/>
              <a:gd name="T19" fmla="*/ 744 h 798"/>
              <a:gd name="T20" fmla="*/ 57 w 1316"/>
              <a:gd name="T21" fmla="*/ 725 h 798"/>
              <a:gd name="T22" fmla="*/ 88 w 1316"/>
              <a:gd name="T23" fmla="*/ 573 h 798"/>
              <a:gd name="T24" fmla="*/ 119 w 1316"/>
              <a:gd name="T25" fmla="*/ 725 h 798"/>
              <a:gd name="T26" fmla="*/ 88 w 1316"/>
              <a:gd name="T27" fmla="*/ 474 h 798"/>
              <a:gd name="T28" fmla="*/ 95 w 1316"/>
              <a:gd name="T29" fmla="*/ 506 h 798"/>
              <a:gd name="T30" fmla="*/ 80 w 1316"/>
              <a:gd name="T31" fmla="*/ 506 h 798"/>
              <a:gd name="T32" fmla="*/ 88 w 1316"/>
              <a:gd name="T33" fmla="*/ 474 h 798"/>
              <a:gd name="T34" fmla="*/ 1297 w 1316"/>
              <a:gd name="T35" fmla="*/ 197 h 798"/>
              <a:gd name="T36" fmla="*/ 655 w 1316"/>
              <a:gd name="T37" fmla="*/ 1 h 798"/>
              <a:gd name="T38" fmla="*/ 10 w 1316"/>
              <a:gd name="T39" fmla="*/ 222 h 798"/>
              <a:gd name="T40" fmla="*/ 59 w 1316"/>
              <a:gd name="T41" fmla="*/ 258 h 798"/>
              <a:gd name="T42" fmla="*/ 18 w 1316"/>
              <a:gd name="T43" fmla="*/ 491 h 798"/>
              <a:gd name="T44" fmla="*/ 7 w 1316"/>
              <a:gd name="T45" fmla="*/ 706 h 798"/>
              <a:gd name="T46" fmla="*/ 88 w 1316"/>
              <a:gd name="T47" fmla="*/ 798 h 798"/>
              <a:gd name="T48" fmla="*/ 168 w 1316"/>
              <a:gd name="T49" fmla="*/ 705 h 798"/>
              <a:gd name="T50" fmla="*/ 158 w 1316"/>
              <a:gd name="T51" fmla="*/ 491 h 798"/>
              <a:gd name="T52" fmla="*/ 112 w 1316"/>
              <a:gd name="T53" fmla="*/ 276 h 798"/>
              <a:gd name="T54" fmla="*/ 318 w 1316"/>
              <a:gd name="T55" fmla="*/ 599 h 798"/>
              <a:gd name="T56" fmla="*/ 353 w 1316"/>
              <a:gd name="T57" fmla="*/ 624 h 798"/>
              <a:gd name="T58" fmla="*/ 663 w 1316"/>
              <a:gd name="T59" fmla="*/ 649 h 798"/>
              <a:gd name="T60" fmla="*/ 972 w 1316"/>
              <a:gd name="T61" fmla="*/ 624 h 798"/>
              <a:gd name="T62" fmla="*/ 1007 w 1316"/>
              <a:gd name="T63" fmla="*/ 599 h 798"/>
              <a:gd name="T64" fmla="*/ 1297 w 1316"/>
              <a:gd name="T65" fmla="*/ 247 h 798"/>
              <a:gd name="T66" fmla="*/ 1297 w 1316"/>
              <a:gd name="T67" fmla="*/ 197 h 7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316" h="798">
                <a:moveTo>
                  <a:pt x="663" y="406"/>
                </a:moveTo>
                <a:lnTo>
                  <a:pt x="663" y="406"/>
                </a:lnTo>
                <a:lnTo>
                  <a:pt x="123" y="223"/>
                </a:lnTo>
                <a:lnTo>
                  <a:pt x="663" y="55"/>
                </a:lnTo>
                <a:lnTo>
                  <a:pt x="1203" y="223"/>
                </a:lnTo>
                <a:lnTo>
                  <a:pt x="663" y="406"/>
                </a:lnTo>
                <a:close/>
                <a:moveTo>
                  <a:pt x="954" y="567"/>
                </a:moveTo>
                <a:lnTo>
                  <a:pt x="954" y="567"/>
                </a:lnTo>
                <a:cubicBezTo>
                  <a:pt x="873" y="559"/>
                  <a:pt x="719" y="572"/>
                  <a:pt x="663" y="593"/>
                </a:cubicBezTo>
                <a:cubicBezTo>
                  <a:pt x="606" y="572"/>
                  <a:pt x="452" y="559"/>
                  <a:pt x="371" y="567"/>
                </a:cubicBezTo>
                <a:lnTo>
                  <a:pt x="371" y="363"/>
                </a:lnTo>
                <a:lnTo>
                  <a:pt x="655" y="459"/>
                </a:lnTo>
                <a:cubicBezTo>
                  <a:pt x="658" y="460"/>
                  <a:pt x="661" y="461"/>
                  <a:pt x="664" y="461"/>
                </a:cubicBezTo>
                <a:cubicBezTo>
                  <a:pt x="666" y="461"/>
                  <a:pt x="669" y="460"/>
                  <a:pt x="672" y="459"/>
                </a:cubicBezTo>
                <a:lnTo>
                  <a:pt x="954" y="364"/>
                </a:lnTo>
                <a:lnTo>
                  <a:pt x="954" y="567"/>
                </a:lnTo>
                <a:close/>
                <a:moveTo>
                  <a:pt x="119" y="725"/>
                </a:moveTo>
                <a:lnTo>
                  <a:pt x="119" y="725"/>
                </a:lnTo>
                <a:cubicBezTo>
                  <a:pt x="119" y="726"/>
                  <a:pt x="119" y="727"/>
                  <a:pt x="119" y="728"/>
                </a:cubicBezTo>
                <a:cubicBezTo>
                  <a:pt x="119" y="734"/>
                  <a:pt x="108" y="744"/>
                  <a:pt x="88" y="744"/>
                </a:cubicBezTo>
                <a:cubicBezTo>
                  <a:pt x="72" y="744"/>
                  <a:pt x="61" y="738"/>
                  <a:pt x="57" y="732"/>
                </a:cubicBezTo>
                <a:cubicBezTo>
                  <a:pt x="56" y="729"/>
                  <a:pt x="56" y="727"/>
                  <a:pt x="57" y="725"/>
                </a:cubicBezTo>
                <a:cubicBezTo>
                  <a:pt x="58" y="723"/>
                  <a:pt x="59" y="721"/>
                  <a:pt x="59" y="719"/>
                </a:cubicBezTo>
                <a:lnTo>
                  <a:pt x="88" y="573"/>
                </a:lnTo>
                <a:lnTo>
                  <a:pt x="116" y="719"/>
                </a:lnTo>
                <a:cubicBezTo>
                  <a:pt x="117" y="721"/>
                  <a:pt x="118" y="723"/>
                  <a:pt x="119" y="725"/>
                </a:cubicBezTo>
                <a:close/>
                <a:moveTo>
                  <a:pt x="88" y="474"/>
                </a:moveTo>
                <a:lnTo>
                  <a:pt x="88" y="474"/>
                </a:lnTo>
                <a:cubicBezTo>
                  <a:pt x="97" y="474"/>
                  <a:pt x="104" y="482"/>
                  <a:pt x="104" y="491"/>
                </a:cubicBezTo>
                <a:cubicBezTo>
                  <a:pt x="104" y="499"/>
                  <a:pt x="99" y="504"/>
                  <a:pt x="95" y="506"/>
                </a:cubicBezTo>
                <a:cubicBezTo>
                  <a:pt x="92" y="507"/>
                  <a:pt x="90" y="509"/>
                  <a:pt x="88" y="511"/>
                </a:cubicBezTo>
                <a:cubicBezTo>
                  <a:pt x="86" y="509"/>
                  <a:pt x="83" y="507"/>
                  <a:pt x="80" y="506"/>
                </a:cubicBezTo>
                <a:cubicBezTo>
                  <a:pt x="75" y="503"/>
                  <a:pt x="71" y="498"/>
                  <a:pt x="71" y="491"/>
                </a:cubicBezTo>
                <a:cubicBezTo>
                  <a:pt x="71" y="482"/>
                  <a:pt x="78" y="474"/>
                  <a:pt x="88" y="474"/>
                </a:cubicBezTo>
                <a:close/>
                <a:moveTo>
                  <a:pt x="1297" y="197"/>
                </a:moveTo>
                <a:lnTo>
                  <a:pt x="1297" y="197"/>
                </a:lnTo>
                <a:lnTo>
                  <a:pt x="671" y="1"/>
                </a:lnTo>
                <a:cubicBezTo>
                  <a:pt x="665" y="0"/>
                  <a:pt x="660" y="0"/>
                  <a:pt x="655" y="1"/>
                </a:cubicBezTo>
                <a:lnTo>
                  <a:pt x="29" y="197"/>
                </a:lnTo>
                <a:cubicBezTo>
                  <a:pt x="17" y="200"/>
                  <a:pt x="10" y="210"/>
                  <a:pt x="10" y="222"/>
                </a:cubicBezTo>
                <a:cubicBezTo>
                  <a:pt x="10" y="233"/>
                  <a:pt x="17" y="244"/>
                  <a:pt x="28" y="247"/>
                </a:cubicBezTo>
                <a:lnTo>
                  <a:pt x="59" y="258"/>
                </a:lnTo>
                <a:lnTo>
                  <a:pt x="59" y="428"/>
                </a:lnTo>
                <a:cubicBezTo>
                  <a:pt x="34" y="439"/>
                  <a:pt x="18" y="463"/>
                  <a:pt x="18" y="491"/>
                </a:cubicBezTo>
                <a:cubicBezTo>
                  <a:pt x="18" y="510"/>
                  <a:pt x="26" y="529"/>
                  <a:pt x="40" y="542"/>
                </a:cubicBezTo>
                <a:lnTo>
                  <a:pt x="7" y="706"/>
                </a:lnTo>
                <a:cubicBezTo>
                  <a:pt x="0" y="724"/>
                  <a:pt x="2" y="743"/>
                  <a:pt x="12" y="760"/>
                </a:cubicBezTo>
                <a:cubicBezTo>
                  <a:pt x="27" y="783"/>
                  <a:pt x="56" y="798"/>
                  <a:pt x="88" y="798"/>
                </a:cubicBezTo>
                <a:cubicBezTo>
                  <a:pt x="135" y="798"/>
                  <a:pt x="173" y="767"/>
                  <a:pt x="173" y="728"/>
                </a:cubicBezTo>
                <a:cubicBezTo>
                  <a:pt x="173" y="720"/>
                  <a:pt x="171" y="713"/>
                  <a:pt x="168" y="705"/>
                </a:cubicBezTo>
                <a:lnTo>
                  <a:pt x="136" y="542"/>
                </a:lnTo>
                <a:cubicBezTo>
                  <a:pt x="149" y="529"/>
                  <a:pt x="158" y="510"/>
                  <a:pt x="158" y="491"/>
                </a:cubicBezTo>
                <a:cubicBezTo>
                  <a:pt x="158" y="461"/>
                  <a:pt x="139" y="436"/>
                  <a:pt x="112" y="426"/>
                </a:cubicBezTo>
                <a:lnTo>
                  <a:pt x="112" y="276"/>
                </a:lnTo>
                <a:lnTo>
                  <a:pt x="318" y="345"/>
                </a:lnTo>
                <a:lnTo>
                  <a:pt x="318" y="599"/>
                </a:lnTo>
                <a:cubicBezTo>
                  <a:pt x="318" y="614"/>
                  <a:pt x="330" y="626"/>
                  <a:pt x="345" y="626"/>
                </a:cubicBezTo>
                <a:cubicBezTo>
                  <a:pt x="348" y="626"/>
                  <a:pt x="350" y="625"/>
                  <a:pt x="353" y="624"/>
                </a:cubicBezTo>
                <a:cubicBezTo>
                  <a:pt x="412" y="606"/>
                  <a:pt x="617" y="628"/>
                  <a:pt x="646" y="643"/>
                </a:cubicBezTo>
                <a:cubicBezTo>
                  <a:pt x="651" y="647"/>
                  <a:pt x="657" y="649"/>
                  <a:pt x="663" y="649"/>
                </a:cubicBezTo>
                <a:cubicBezTo>
                  <a:pt x="669" y="649"/>
                  <a:pt x="675" y="647"/>
                  <a:pt x="679" y="643"/>
                </a:cubicBezTo>
                <a:cubicBezTo>
                  <a:pt x="709" y="628"/>
                  <a:pt x="913" y="606"/>
                  <a:pt x="972" y="624"/>
                </a:cubicBezTo>
                <a:cubicBezTo>
                  <a:pt x="975" y="625"/>
                  <a:pt x="978" y="626"/>
                  <a:pt x="981" y="626"/>
                </a:cubicBezTo>
                <a:cubicBezTo>
                  <a:pt x="996" y="626"/>
                  <a:pt x="1007" y="614"/>
                  <a:pt x="1007" y="599"/>
                </a:cubicBezTo>
                <a:lnTo>
                  <a:pt x="1007" y="346"/>
                </a:lnTo>
                <a:lnTo>
                  <a:pt x="1297" y="247"/>
                </a:lnTo>
                <a:cubicBezTo>
                  <a:pt x="1308" y="244"/>
                  <a:pt x="1316" y="233"/>
                  <a:pt x="1316" y="222"/>
                </a:cubicBezTo>
                <a:cubicBezTo>
                  <a:pt x="1315" y="210"/>
                  <a:pt x="1308" y="200"/>
                  <a:pt x="1297" y="197"/>
                </a:cubicBezTo>
                <a:close/>
              </a:path>
            </a:pathLst>
          </a:custGeom>
          <a:solidFill>
            <a:schemeClr val="accent1"/>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grpSp>
        <p:nvGrpSpPr>
          <p:cNvPr id="25" name="Group 24">
            <a:extLst>
              <a:ext uri="{FF2B5EF4-FFF2-40B4-BE49-F238E27FC236}">
                <a16:creationId xmlns:a16="http://schemas.microsoft.com/office/drawing/2014/main" id="{8E17C51B-5F31-4ECC-83BE-8106181D19CB}"/>
              </a:ext>
            </a:extLst>
          </p:cNvPr>
          <p:cNvGrpSpPr/>
          <p:nvPr/>
        </p:nvGrpSpPr>
        <p:grpSpPr>
          <a:xfrm>
            <a:off x="10872320" y="3579887"/>
            <a:ext cx="2105020" cy="2258283"/>
            <a:chOff x="9328088" y="2706114"/>
            <a:chExt cx="561491" cy="635854"/>
          </a:xfrm>
          <a:solidFill>
            <a:schemeClr val="accent1"/>
          </a:solidFill>
        </p:grpSpPr>
        <p:sp>
          <p:nvSpPr>
            <p:cNvPr id="26" name="Freeform 25">
              <a:extLst>
                <a:ext uri="{FF2B5EF4-FFF2-40B4-BE49-F238E27FC236}">
                  <a16:creationId xmlns:a16="http://schemas.microsoft.com/office/drawing/2014/main" id="{E0ABDA03-1E82-4A0A-9829-A952EB2F8261}"/>
                </a:ext>
              </a:extLst>
            </p:cNvPr>
            <p:cNvSpPr>
              <a:spLocks/>
            </p:cNvSpPr>
            <p:nvPr/>
          </p:nvSpPr>
          <p:spPr bwMode="auto">
            <a:xfrm flipH="1">
              <a:off x="9732523" y="3172463"/>
              <a:ext cx="130147" cy="169505"/>
            </a:xfrm>
            <a:custGeom>
              <a:avLst/>
              <a:gdLst>
                <a:gd name="T0" fmla="*/ 297 w 1489"/>
                <a:gd name="T1" fmla="*/ 0 h 1937"/>
                <a:gd name="T2" fmla="*/ 1192 w 1489"/>
                <a:gd name="T3" fmla="*/ 0 h 1937"/>
                <a:gd name="T4" fmla="*/ 1252 w 1489"/>
                <a:gd name="T5" fmla="*/ 6 h 1937"/>
                <a:gd name="T6" fmla="*/ 1307 w 1489"/>
                <a:gd name="T7" fmla="*/ 23 h 1937"/>
                <a:gd name="T8" fmla="*/ 1357 w 1489"/>
                <a:gd name="T9" fmla="*/ 51 h 1937"/>
                <a:gd name="T10" fmla="*/ 1403 w 1489"/>
                <a:gd name="T11" fmla="*/ 87 h 1937"/>
                <a:gd name="T12" fmla="*/ 1439 w 1489"/>
                <a:gd name="T13" fmla="*/ 131 h 1937"/>
                <a:gd name="T14" fmla="*/ 1467 w 1489"/>
                <a:gd name="T15" fmla="*/ 181 h 1937"/>
                <a:gd name="T16" fmla="*/ 1483 w 1489"/>
                <a:gd name="T17" fmla="*/ 239 h 1937"/>
                <a:gd name="T18" fmla="*/ 1489 w 1489"/>
                <a:gd name="T19" fmla="*/ 299 h 1937"/>
                <a:gd name="T20" fmla="*/ 1489 w 1489"/>
                <a:gd name="T21" fmla="*/ 1638 h 1937"/>
                <a:gd name="T22" fmla="*/ 1483 w 1489"/>
                <a:gd name="T23" fmla="*/ 1698 h 1937"/>
                <a:gd name="T24" fmla="*/ 1465 w 1489"/>
                <a:gd name="T25" fmla="*/ 1756 h 1937"/>
                <a:gd name="T26" fmla="*/ 1439 w 1489"/>
                <a:gd name="T27" fmla="*/ 1805 h 1937"/>
                <a:gd name="T28" fmla="*/ 1401 w 1489"/>
                <a:gd name="T29" fmla="*/ 1849 h 1937"/>
                <a:gd name="T30" fmla="*/ 1357 w 1489"/>
                <a:gd name="T31" fmla="*/ 1885 h 1937"/>
                <a:gd name="T32" fmla="*/ 1307 w 1489"/>
                <a:gd name="T33" fmla="*/ 1913 h 1937"/>
                <a:gd name="T34" fmla="*/ 1252 w 1489"/>
                <a:gd name="T35" fmla="*/ 1931 h 1937"/>
                <a:gd name="T36" fmla="*/ 1192 w 1489"/>
                <a:gd name="T37" fmla="*/ 1937 h 1937"/>
                <a:gd name="T38" fmla="*/ 297 w 1489"/>
                <a:gd name="T39" fmla="*/ 1937 h 1937"/>
                <a:gd name="T40" fmla="*/ 237 w 1489"/>
                <a:gd name="T41" fmla="*/ 1931 h 1937"/>
                <a:gd name="T42" fmla="*/ 181 w 1489"/>
                <a:gd name="T43" fmla="*/ 1913 h 1937"/>
                <a:gd name="T44" fmla="*/ 131 w 1489"/>
                <a:gd name="T45" fmla="*/ 1885 h 1937"/>
                <a:gd name="T46" fmla="*/ 87 w 1489"/>
                <a:gd name="T47" fmla="*/ 1849 h 1937"/>
                <a:gd name="T48" fmla="*/ 50 w 1489"/>
                <a:gd name="T49" fmla="*/ 1805 h 1937"/>
                <a:gd name="T50" fmla="*/ 24 w 1489"/>
                <a:gd name="T51" fmla="*/ 1756 h 1937"/>
                <a:gd name="T52" fmla="*/ 6 w 1489"/>
                <a:gd name="T53" fmla="*/ 1698 h 1937"/>
                <a:gd name="T54" fmla="*/ 0 w 1489"/>
                <a:gd name="T55" fmla="*/ 1638 h 1937"/>
                <a:gd name="T56" fmla="*/ 0 w 1489"/>
                <a:gd name="T57" fmla="*/ 299 h 1937"/>
                <a:gd name="T58" fmla="*/ 6 w 1489"/>
                <a:gd name="T59" fmla="*/ 239 h 1937"/>
                <a:gd name="T60" fmla="*/ 24 w 1489"/>
                <a:gd name="T61" fmla="*/ 181 h 1937"/>
                <a:gd name="T62" fmla="*/ 50 w 1489"/>
                <a:gd name="T63" fmla="*/ 131 h 1937"/>
                <a:gd name="T64" fmla="*/ 87 w 1489"/>
                <a:gd name="T65" fmla="*/ 87 h 1937"/>
                <a:gd name="T66" fmla="*/ 131 w 1489"/>
                <a:gd name="T67" fmla="*/ 51 h 1937"/>
                <a:gd name="T68" fmla="*/ 181 w 1489"/>
                <a:gd name="T69" fmla="*/ 23 h 1937"/>
                <a:gd name="T70" fmla="*/ 237 w 1489"/>
                <a:gd name="T71" fmla="*/ 6 h 1937"/>
                <a:gd name="T72" fmla="*/ 297 w 1489"/>
                <a:gd name="T73" fmla="*/ 0 h 19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489" h="1937">
                  <a:moveTo>
                    <a:pt x="297" y="0"/>
                  </a:moveTo>
                  <a:lnTo>
                    <a:pt x="1192" y="0"/>
                  </a:lnTo>
                  <a:lnTo>
                    <a:pt x="1252" y="6"/>
                  </a:lnTo>
                  <a:lnTo>
                    <a:pt x="1307" y="23"/>
                  </a:lnTo>
                  <a:lnTo>
                    <a:pt x="1357" y="51"/>
                  </a:lnTo>
                  <a:lnTo>
                    <a:pt x="1403" y="87"/>
                  </a:lnTo>
                  <a:lnTo>
                    <a:pt x="1439" y="131"/>
                  </a:lnTo>
                  <a:lnTo>
                    <a:pt x="1467" y="181"/>
                  </a:lnTo>
                  <a:lnTo>
                    <a:pt x="1483" y="239"/>
                  </a:lnTo>
                  <a:lnTo>
                    <a:pt x="1489" y="299"/>
                  </a:lnTo>
                  <a:lnTo>
                    <a:pt x="1489" y="1638"/>
                  </a:lnTo>
                  <a:lnTo>
                    <a:pt x="1483" y="1698"/>
                  </a:lnTo>
                  <a:lnTo>
                    <a:pt x="1465" y="1756"/>
                  </a:lnTo>
                  <a:lnTo>
                    <a:pt x="1439" y="1805"/>
                  </a:lnTo>
                  <a:lnTo>
                    <a:pt x="1401" y="1849"/>
                  </a:lnTo>
                  <a:lnTo>
                    <a:pt x="1357" y="1885"/>
                  </a:lnTo>
                  <a:lnTo>
                    <a:pt x="1307" y="1913"/>
                  </a:lnTo>
                  <a:lnTo>
                    <a:pt x="1252" y="1931"/>
                  </a:lnTo>
                  <a:lnTo>
                    <a:pt x="1192" y="1937"/>
                  </a:lnTo>
                  <a:lnTo>
                    <a:pt x="297" y="1937"/>
                  </a:lnTo>
                  <a:lnTo>
                    <a:pt x="237" y="1931"/>
                  </a:lnTo>
                  <a:lnTo>
                    <a:pt x="181" y="1913"/>
                  </a:lnTo>
                  <a:lnTo>
                    <a:pt x="131" y="1885"/>
                  </a:lnTo>
                  <a:lnTo>
                    <a:pt x="87" y="1849"/>
                  </a:lnTo>
                  <a:lnTo>
                    <a:pt x="50" y="1805"/>
                  </a:lnTo>
                  <a:lnTo>
                    <a:pt x="24" y="1756"/>
                  </a:lnTo>
                  <a:lnTo>
                    <a:pt x="6" y="1698"/>
                  </a:lnTo>
                  <a:lnTo>
                    <a:pt x="0" y="1638"/>
                  </a:lnTo>
                  <a:lnTo>
                    <a:pt x="0" y="299"/>
                  </a:lnTo>
                  <a:lnTo>
                    <a:pt x="6" y="239"/>
                  </a:lnTo>
                  <a:lnTo>
                    <a:pt x="24" y="181"/>
                  </a:lnTo>
                  <a:lnTo>
                    <a:pt x="50" y="131"/>
                  </a:lnTo>
                  <a:lnTo>
                    <a:pt x="87" y="87"/>
                  </a:lnTo>
                  <a:lnTo>
                    <a:pt x="131" y="51"/>
                  </a:lnTo>
                  <a:lnTo>
                    <a:pt x="181" y="23"/>
                  </a:lnTo>
                  <a:lnTo>
                    <a:pt x="237" y="6"/>
                  </a:lnTo>
                  <a:lnTo>
                    <a:pt x="297"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sp>
          <p:nvSpPr>
            <p:cNvPr id="27" name="Freeform 26">
              <a:extLst>
                <a:ext uri="{FF2B5EF4-FFF2-40B4-BE49-F238E27FC236}">
                  <a16:creationId xmlns:a16="http://schemas.microsoft.com/office/drawing/2014/main" id="{8FF27D64-38A6-4B6D-B312-29E944A88C8B}"/>
                </a:ext>
              </a:extLst>
            </p:cNvPr>
            <p:cNvSpPr>
              <a:spLocks/>
            </p:cNvSpPr>
            <p:nvPr/>
          </p:nvSpPr>
          <p:spPr bwMode="auto">
            <a:xfrm flipH="1">
              <a:off x="9530480" y="3081325"/>
              <a:ext cx="130147" cy="260643"/>
            </a:xfrm>
            <a:custGeom>
              <a:avLst/>
              <a:gdLst>
                <a:gd name="T0" fmla="*/ 297 w 1489"/>
                <a:gd name="T1" fmla="*/ 0 h 2980"/>
                <a:gd name="T2" fmla="*/ 1192 w 1489"/>
                <a:gd name="T3" fmla="*/ 0 h 2980"/>
                <a:gd name="T4" fmla="*/ 1252 w 1489"/>
                <a:gd name="T5" fmla="*/ 6 h 2980"/>
                <a:gd name="T6" fmla="*/ 1307 w 1489"/>
                <a:gd name="T7" fmla="*/ 24 h 2980"/>
                <a:gd name="T8" fmla="*/ 1357 w 1489"/>
                <a:gd name="T9" fmla="*/ 52 h 2980"/>
                <a:gd name="T10" fmla="*/ 1403 w 1489"/>
                <a:gd name="T11" fmla="*/ 88 h 2980"/>
                <a:gd name="T12" fmla="*/ 1439 w 1489"/>
                <a:gd name="T13" fmla="*/ 132 h 2980"/>
                <a:gd name="T14" fmla="*/ 1467 w 1489"/>
                <a:gd name="T15" fmla="*/ 181 h 2980"/>
                <a:gd name="T16" fmla="*/ 1483 w 1489"/>
                <a:gd name="T17" fmla="*/ 237 h 2980"/>
                <a:gd name="T18" fmla="*/ 1489 w 1489"/>
                <a:gd name="T19" fmla="*/ 297 h 2980"/>
                <a:gd name="T20" fmla="*/ 1489 w 1489"/>
                <a:gd name="T21" fmla="*/ 2681 h 2980"/>
                <a:gd name="T22" fmla="*/ 1483 w 1489"/>
                <a:gd name="T23" fmla="*/ 2743 h 2980"/>
                <a:gd name="T24" fmla="*/ 1467 w 1489"/>
                <a:gd name="T25" fmla="*/ 2799 h 2980"/>
                <a:gd name="T26" fmla="*/ 1439 w 1489"/>
                <a:gd name="T27" fmla="*/ 2848 h 2980"/>
                <a:gd name="T28" fmla="*/ 1403 w 1489"/>
                <a:gd name="T29" fmla="*/ 2892 h 2980"/>
                <a:gd name="T30" fmla="*/ 1357 w 1489"/>
                <a:gd name="T31" fmla="*/ 2928 h 2980"/>
                <a:gd name="T32" fmla="*/ 1307 w 1489"/>
                <a:gd name="T33" fmla="*/ 2956 h 2980"/>
                <a:gd name="T34" fmla="*/ 1252 w 1489"/>
                <a:gd name="T35" fmla="*/ 2974 h 2980"/>
                <a:gd name="T36" fmla="*/ 1192 w 1489"/>
                <a:gd name="T37" fmla="*/ 2980 h 2980"/>
                <a:gd name="T38" fmla="*/ 297 w 1489"/>
                <a:gd name="T39" fmla="*/ 2980 h 2980"/>
                <a:gd name="T40" fmla="*/ 237 w 1489"/>
                <a:gd name="T41" fmla="*/ 2974 h 2980"/>
                <a:gd name="T42" fmla="*/ 181 w 1489"/>
                <a:gd name="T43" fmla="*/ 2956 h 2980"/>
                <a:gd name="T44" fmla="*/ 131 w 1489"/>
                <a:gd name="T45" fmla="*/ 2928 h 2980"/>
                <a:gd name="T46" fmla="*/ 88 w 1489"/>
                <a:gd name="T47" fmla="*/ 2892 h 2980"/>
                <a:gd name="T48" fmla="*/ 50 w 1489"/>
                <a:gd name="T49" fmla="*/ 2848 h 2980"/>
                <a:gd name="T50" fmla="*/ 24 w 1489"/>
                <a:gd name="T51" fmla="*/ 2799 h 2980"/>
                <a:gd name="T52" fmla="*/ 6 w 1489"/>
                <a:gd name="T53" fmla="*/ 2743 h 2980"/>
                <a:gd name="T54" fmla="*/ 0 w 1489"/>
                <a:gd name="T55" fmla="*/ 2681 h 2980"/>
                <a:gd name="T56" fmla="*/ 0 w 1489"/>
                <a:gd name="T57" fmla="*/ 299 h 2980"/>
                <a:gd name="T58" fmla="*/ 6 w 1489"/>
                <a:gd name="T59" fmla="*/ 237 h 2980"/>
                <a:gd name="T60" fmla="*/ 24 w 1489"/>
                <a:gd name="T61" fmla="*/ 181 h 2980"/>
                <a:gd name="T62" fmla="*/ 50 w 1489"/>
                <a:gd name="T63" fmla="*/ 132 h 2980"/>
                <a:gd name="T64" fmla="*/ 88 w 1489"/>
                <a:gd name="T65" fmla="*/ 88 h 2980"/>
                <a:gd name="T66" fmla="*/ 131 w 1489"/>
                <a:gd name="T67" fmla="*/ 52 h 2980"/>
                <a:gd name="T68" fmla="*/ 181 w 1489"/>
                <a:gd name="T69" fmla="*/ 24 h 2980"/>
                <a:gd name="T70" fmla="*/ 237 w 1489"/>
                <a:gd name="T71" fmla="*/ 6 h 2980"/>
                <a:gd name="T72" fmla="*/ 297 w 1489"/>
                <a:gd name="T73" fmla="*/ 0 h 29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489" h="2980">
                  <a:moveTo>
                    <a:pt x="297" y="0"/>
                  </a:moveTo>
                  <a:lnTo>
                    <a:pt x="1192" y="0"/>
                  </a:lnTo>
                  <a:lnTo>
                    <a:pt x="1252" y="6"/>
                  </a:lnTo>
                  <a:lnTo>
                    <a:pt x="1307" y="24"/>
                  </a:lnTo>
                  <a:lnTo>
                    <a:pt x="1357" y="52"/>
                  </a:lnTo>
                  <a:lnTo>
                    <a:pt x="1403" y="88"/>
                  </a:lnTo>
                  <a:lnTo>
                    <a:pt x="1439" y="132"/>
                  </a:lnTo>
                  <a:lnTo>
                    <a:pt x="1467" y="181"/>
                  </a:lnTo>
                  <a:lnTo>
                    <a:pt x="1483" y="237"/>
                  </a:lnTo>
                  <a:lnTo>
                    <a:pt x="1489" y="297"/>
                  </a:lnTo>
                  <a:lnTo>
                    <a:pt x="1489" y="2681"/>
                  </a:lnTo>
                  <a:lnTo>
                    <a:pt x="1483" y="2743"/>
                  </a:lnTo>
                  <a:lnTo>
                    <a:pt x="1467" y="2799"/>
                  </a:lnTo>
                  <a:lnTo>
                    <a:pt x="1439" y="2848"/>
                  </a:lnTo>
                  <a:lnTo>
                    <a:pt x="1403" y="2892"/>
                  </a:lnTo>
                  <a:lnTo>
                    <a:pt x="1357" y="2928"/>
                  </a:lnTo>
                  <a:lnTo>
                    <a:pt x="1307" y="2956"/>
                  </a:lnTo>
                  <a:lnTo>
                    <a:pt x="1252" y="2974"/>
                  </a:lnTo>
                  <a:lnTo>
                    <a:pt x="1192" y="2980"/>
                  </a:lnTo>
                  <a:lnTo>
                    <a:pt x="297" y="2980"/>
                  </a:lnTo>
                  <a:lnTo>
                    <a:pt x="237" y="2974"/>
                  </a:lnTo>
                  <a:lnTo>
                    <a:pt x="181" y="2956"/>
                  </a:lnTo>
                  <a:lnTo>
                    <a:pt x="131" y="2928"/>
                  </a:lnTo>
                  <a:lnTo>
                    <a:pt x="88" y="2892"/>
                  </a:lnTo>
                  <a:lnTo>
                    <a:pt x="50" y="2848"/>
                  </a:lnTo>
                  <a:lnTo>
                    <a:pt x="24" y="2799"/>
                  </a:lnTo>
                  <a:lnTo>
                    <a:pt x="6" y="2743"/>
                  </a:lnTo>
                  <a:lnTo>
                    <a:pt x="0" y="2681"/>
                  </a:lnTo>
                  <a:lnTo>
                    <a:pt x="0" y="299"/>
                  </a:lnTo>
                  <a:lnTo>
                    <a:pt x="6" y="237"/>
                  </a:lnTo>
                  <a:lnTo>
                    <a:pt x="24" y="181"/>
                  </a:lnTo>
                  <a:lnTo>
                    <a:pt x="50" y="132"/>
                  </a:lnTo>
                  <a:lnTo>
                    <a:pt x="88" y="88"/>
                  </a:lnTo>
                  <a:lnTo>
                    <a:pt x="131" y="52"/>
                  </a:lnTo>
                  <a:lnTo>
                    <a:pt x="181" y="24"/>
                  </a:lnTo>
                  <a:lnTo>
                    <a:pt x="237" y="6"/>
                  </a:lnTo>
                  <a:lnTo>
                    <a:pt x="297"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sp>
          <p:nvSpPr>
            <p:cNvPr id="28" name="Freeform 27">
              <a:extLst>
                <a:ext uri="{FF2B5EF4-FFF2-40B4-BE49-F238E27FC236}">
                  <a16:creationId xmlns:a16="http://schemas.microsoft.com/office/drawing/2014/main" id="{84F22466-3209-48E3-9B60-3004902E2089}"/>
                </a:ext>
              </a:extLst>
            </p:cNvPr>
            <p:cNvSpPr>
              <a:spLocks/>
            </p:cNvSpPr>
            <p:nvPr/>
          </p:nvSpPr>
          <p:spPr bwMode="auto">
            <a:xfrm flipH="1">
              <a:off x="9328088" y="2977068"/>
              <a:ext cx="130497" cy="364900"/>
            </a:xfrm>
            <a:custGeom>
              <a:avLst/>
              <a:gdLst>
                <a:gd name="T0" fmla="*/ 299 w 1491"/>
                <a:gd name="T1" fmla="*/ 0 h 4172"/>
                <a:gd name="T2" fmla="*/ 1192 w 1491"/>
                <a:gd name="T3" fmla="*/ 0 h 4172"/>
                <a:gd name="T4" fmla="*/ 1252 w 1491"/>
                <a:gd name="T5" fmla="*/ 6 h 4172"/>
                <a:gd name="T6" fmla="*/ 1308 w 1491"/>
                <a:gd name="T7" fmla="*/ 24 h 4172"/>
                <a:gd name="T8" fmla="*/ 1359 w 1491"/>
                <a:gd name="T9" fmla="*/ 52 h 4172"/>
                <a:gd name="T10" fmla="*/ 1403 w 1491"/>
                <a:gd name="T11" fmla="*/ 88 h 4172"/>
                <a:gd name="T12" fmla="*/ 1439 w 1491"/>
                <a:gd name="T13" fmla="*/ 132 h 4172"/>
                <a:gd name="T14" fmla="*/ 1467 w 1491"/>
                <a:gd name="T15" fmla="*/ 181 h 4172"/>
                <a:gd name="T16" fmla="*/ 1485 w 1491"/>
                <a:gd name="T17" fmla="*/ 237 h 4172"/>
                <a:gd name="T18" fmla="*/ 1491 w 1491"/>
                <a:gd name="T19" fmla="*/ 299 h 4172"/>
                <a:gd name="T20" fmla="*/ 1491 w 1491"/>
                <a:gd name="T21" fmla="*/ 3873 h 4172"/>
                <a:gd name="T22" fmla="*/ 1483 w 1491"/>
                <a:gd name="T23" fmla="*/ 3933 h 4172"/>
                <a:gd name="T24" fmla="*/ 1467 w 1491"/>
                <a:gd name="T25" fmla="*/ 3991 h 4172"/>
                <a:gd name="T26" fmla="*/ 1439 w 1491"/>
                <a:gd name="T27" fmla="*/ 4040 h 4172"/>
                <a:gd name="T28" fmla="*/ 1403 w 1491"/>
                <a:gd name="T29" fmla="*/ 4084 h 4172"/>
                <a:gd name="T30" fmla="*/ 1359 w 1491"/>
                <a:gd name="T31" fmla="*/ 4120 h 4172"/>
                <a:gd name="T32" fmla="*/ 1308 w 1491"/>
                <a:gd name="T33" fmla="*/ 4148 h 4172"/>
                <a:gd name="T34" fmla="*/ 1252 w 1491"/>
                <a:gd name="T35" fmla="*/ 4166 h 4172"/>
                <a:gd name="T36" fmla="*/ 1192 w 1491"/>
                <a:gd name="T37" fmla="*/ 4172 h 4172"/>
                <a:gd name="T38" fmla="*/ 299 w 1491"/>
                <a:gd name="T39" fmla="*/ 4172 h 4172"/>
                <a:gd name="T40" fmla="*/ 237 w 1491"/>
                <a:gd name="T41" fmla="*/ 4166 h 4172"/>
                <a:gd name="T42" fmla="*/ 181 w 1491"/>
                <a:gd name="T43" fmla="*/ 4148 h 4172"/>
                <a:gd name="T44" fmla="*/ 132 w 1491"/>
                <a:gd name="T45" fmla="*/ 4120 h 4172"/>
                <a:gd name="T46" fmla="*/ 88 w 1491"/>
                <a:gd name="T47" fmla="*/ 4084 h 4172"/>
                <a:gd name="T48" fmla="*/ 52 w 1491"/>
                <a:gd name="T49" fmla="*/ 4040 h 4172"/>
                <a:gd name="T50" fmla="*/ 24 w 1491"/>
                <a:gd name="T51" fmla="*/ 3991 h 4172"/>
                <a:gd name="T52" fmla="*/ 6 w 1491"/>
                <a:gd name="T53" fmla="*/ 3933 h 4172"/>
                <a:gd name="T54" fmla="*/ 0 w 1491"/>
                <a:gd name="T55" fmla="*/ 3873 h 4172"/>
                <a:gd name="T56" fmla="*/ 0 w 1491"/>
                <a:gd name="T57" fmla="*/ 299 h 4172"/>
                <a:gd name="T58" fmla="*/ 6 w 1491"/>
                <a:gd name="T59" fmla="*/ 237 h 4172"/>
                <a:gd name="T60" fmla="*/ 24 w 1491"/>
                <a:gd name="T61" fmla="*/ 181 h 4172"/>
                <a:gd name="T62" fmla="*/ 52 w 1491"/>
                <a:gd name="T63" fmla="*/ 132 h 4172"/>
                <a:gd name="T64" fmla="*/ 88 w 1491"/>
                <a:gd name="T65" fmla="*/ 88 h 4172"/>
                <a:gd name="T66" fmla="*/ 132 w 1491"/>
                <a:gd name="T67" fmla="*/ 52 h 4172"/>
                <a:gd name="T68" fmla="*/ 181 w 1491"/>
                <a:gd name="T69" fmla="*/ 24 h 4172"/>
                <a:gd name="T70" fmla="*/ 237 w 1491"/>
                <a:gd name="T71" fmla="*/ 6 h 4172"/>
                <a:gd name="T72" fmla="*/ 299 w 1491"/>
                <a:gd name="T73" fmla="*/ 0 h 41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491" h="4172">
                  <a:moveTo>
                    <a:pt x="299" y="0"/>
                  </a:moveTo>
                  <a:lnTo>
                    <a:pt x="1192" y="0"/>
                  </a:lnTo>
                  <a:lnTo>
                    <a:pt x="1252" y="6"/>
                  </a:lnTo>
                  <a:lnTo>
                    <a:pt x="1308" y="24"/>
                  </a:lnTo>
                  <a:lnTo>
                    <a:pt x="1359" y="52"/>
                  </a:lnTo>
                  <a:lnTo>
                    <a:pt x="1403" y="88"/>
                  </a:lnTo>
                  <a:lnTo>
                    <a:pt x="1439" y="132"/>
                  </a:lnTo>
                  <a:lnTo>
                    <a:pt x="1467" y="181"/>
                  </a:lnTo>
                  <a:lnTo>
                    <a:pt x="1485" y="237"/>
                  </a:lnTo>
                  <a:lnTo>
                    <a:pt x="1491" y="299"/>
                  </a:lnTo>
                  <a:lnTo>
                    <a:pt x="1491" y="3873"/>
                  </a:lnTo>
                  <a:lnTo>
                    <a:pt x="1483" y="3933"/>
                  </a:lnTo>
                  <a:lnTo>
                    <a:pt x="1467" y="3991"/>
                  </a:lnTo>
                  <a:lnTo>
                    <a:pt x="1439" y="4040"/>
                  </a:lnTo>
                  <a:lnTo>
                    <a:pt x="1403" y="4084"/>
                  </a:lnTo>
                  <a:lnTo>
                    <a:pt x="1359" y="4120"/>
                  </a:lnTo>
                  <a:lnTo>
                    <a:pt x="1308" y="4148"/>
                  </a:lnTo>
                  <a:lnTo>
                    <a:pt x="1252" y="4166"/>
                  </a:lnTo>
                  <a:lnTo>
                    <a:pt x="1192" y="4172"/>
                  </a:lnTo>
                  <a:lnTo>
                    <a:pt x="299" y="4172"/>
                  </a:lnTo>
                  <a:lnTo>
                    <a:pt x="237" y="4166"/>
                  </a:lnTo>
                  <a:lnTo>
                    <a:pt x="181" y="4148"/>
                  </a:lnTo>
                  <a:lnTo>
                    <a:pt x="132" y="4120"/>
                  </a:lnTo>
                  <a:lnTo>
                    <a:pt x="88" y="4084"/>
                  </a:lnTo>
                  <a:lnTo>
                    <a:pt x="52" y="4040"/>
                  </a:lnTo>
                  <a:lnTo>
                    <a:pt x="24" y="3991"/>
                  </a:lnTo>
                  <a:lnTo>
                    <a:pt x="6" y="3933"/>
                  </a:lnTo>
                  <a:lnTo>
                    <a:pt x="0" y="3873"/>
                  </a:lnTo>
                  <a:lnTo>
                    <a:pt x="0" y="299"/>
                  </a:lnTo>
                  <a:lnTo>
                    <a:pt x="6" y="237"/>
                  </a:lnTo>
                  <a:lnTo>
                    <a:pt x="24" y="181"/>
                  </a:lnTo>
                  <a:lnTo>
                    <a:pt x="52" y="132"/>
                  </a:lnTo>
                  <a:lnTo>
                    <a:pt x="88" y="88"/>
                  </a:lnTo>
                  <a:lnTo>
                    <a:pt x="132" y="52"/>
                  </a:lnTo>
                  <a:lnTo>
                    <a:pt x="181" y="24"/>
                  </a:lnTo>
                  <a:lnTo>
                    <a:pt x="237" y="6"/>
                  </a:lnTo>
                  <a:lnTo>
                    <a:pt x="299"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grpSp>
          <p:nvGrpSpPr>
            <p:cNvPr id="29" name="Group 28">
              <a:extLst>
                <a:ext uri="{FF2B5EF4-FFF2-40B4-BE49-F238E27FC236}">
                  <a16:creationId xmlns:a16="http://schemas.microsoft.com/office/drawing/2014/main" id="{62E4DB7A-8977-40FA-AB72-4414BABAD41F}"/>
                </a:ext>
              </a:extLst>
            </p:cNvPr>
            <p:cNvGrpSpPr/>
            <p:nvPr/>
          </p:nvGrpSpPr>
          <p:grpSpPr>
            <a:xfrm>
              <a:off x="9708353" y="2952232"/>
              <a:ext cx="181226" cy="181400"/>
              <a:chOff x="9687916" y="2768554"/>
              <a:chExt cx="181226" cy="181400"/>
            </a:xfrm>
            <a:grpFill/>
          </p:grpSpPr>
          <p:grpSp>
            <p:nvGrpSpPr>
              <p:cNvPr id="31" name="Group 30">
                <a:extLst>
                  <a:ext uri="{FF2B5EF4-FFF2-40B4-BE49-F238E27FC236}">
                    <a16:creationId xmlns:a16="http://schemas.microsoft.com/office/drawing/2014/main" id="{9B3DB5F7-C7C4-4DC1-905E-C3E559C4B271}"/>
                  </a:ext>
                </a:extLst>
              </p:cNvPr>
              <p:cNvGrpSpPr/>
              <p:nvPr/>
            </p:nvGrpSpPr>
            <p:grpSpPr>
              <a:xfrm>
                <a:off x="9757363" y="2819633"/>
                <a:ext cx="44257" cy="78018"/>
                <a:chOff x="9757363" y="2819633"/>
                <a:chExt cx="44257" cy="78018"/>
              </a:xfrm>
              <a:grpFill/>
            </p:grpSpPr>
            <p:sp>
              <p:nvSpPr>
                <p:cNvPr id="33" name="Freeform 22">
                  <a:extLst>
                    <a:ext uri="{FF2B5EF4-FFF2-40B4-BE49-F238E27FC236}">
                      <a16:creationId xmlns:a16="http://schemas.microsoft.com/office/drawing/2014/main" id="{5E3DC895-5968-4C58-8503-1E766133E0B4}"/>
                    </a:ext>
                  </a:extLst>
                </p:cNvPr>
                <p:cNvSpPr>
                  <a:spLocks/>
                </p:cNvSpPr>
                <p:nvPr/>
              </p:nvSpPr>
              <p:spPr bwMode="auto">
                <a:xfrm>
                  <a:off x="9783252" y="2867913"/>
                  <a:ext cx="18368" cy="29738"/>
                </a:xfrm>
                <a:custGeom>
                  <a:avLst/>
                  <a:gdLst>
                    <a:gd name="T0" fmla="*/ 0 w 212"/>
                    <a:gd name="T1" fmla="*/ 0 h 339"/>
                    <a:gd name="T2" fmla="*/ 32 w 212"/>
                    <a:gd name="T3" fmla="*/ 8 h 339"/>
                    <a:gd name="T4" fmla="*/ 64 w 212"/>
                    <a:gd name="T5" fmla="*/ 16 h 339"/>
                    <a:gd name="T6" fmla="*/ 96 w 212"/>
                    <a:gd name="T7" fmla="*/ 28 h 339"/>
                    <a:gd name="T8" fmla="*/ 128 w 212"/>
                    <a:gd name="T9" fmla="*/ 42 h 339"/>
                    <a:gd name="T10" fmla="*/ 154 w 212"/>
                    <a:gd name="T11" fmla="*/ 58 h 339"/>
                    <a:gd name="T12" fmla="*/ 178 w 212"/>
                    <a:gd name="T13" fmla="*/ 80 h 339"/>
                    <a:gd name="T14" fmla="*/ 196 w 212"/>
                    <a:gd name="T15" fmla="*/ 106 h 339"/>
                    <a:gd name="T16" fmla="*/ 208 w 212"/>
                    <a:gd name="T17" fmla="*/ 136 h 339"/>
                    <a:gd name="T18" fmla="*/ 212 w 212"/>
                    <a:gd name="T19" fmla="*/ 172 h 339"/>
                    <a:gd name="T20" fmla="*/ 208 w 212"/>
                    <a:gd name="T21" fmla="*/ 207 h 339"/>
                    <a:gd name="T22" fmla="*/ 198 w 212"/>
                    <a:gd name="T23" fmla="*/ 237 h 339"/>
                    <a:gd name="T24" fmla="*/ 180 w 212"/>
                    <a:gd name="T25" fmla="*/ 263 h 339"/>
                    <a:gd name="T26" fmla="*/ 158 w 212"/>
                    <a:gd name="T27" fmla="*/ 285 h 339"/>
                    <a:gd name="T28" fmla="*/ 132 w 212"/>
                    <a:gd name="T29" fmla="*/ 303 h 339"/>
                    <a:gd name="T30" fmla="*/ 102 w 212"/>
                    <a:gd name="T31" fmla="*/ 317 h 339"/>
                    <a:gd name="T32" fmla="*/ 70 w 212"/>
                    <a:gd name="T33" fmla="*/ 329 h 339"/>
                    <a:gd name="T34" fmla="*/ 36 w 212"/>
                    <a:gd name="T35" fmla="*/ 335 h 339"/>
                    <a:gd name="T36" fmla="*/ 0 w 212"/>
                    <a:gd name="T37" fmla="*/ 339 h 339"/>
                    <a:gd name="T38" fmla="*/ 0 w 212"/>
                    <a:gd name="T39" fmla="*/ 0 h 3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12" h="339">
                      <a:moveTo>
                        <a:pt x="0" y="0"/>
                      </a:moveTo>
                      <a:lnTo>
                        <a:pt x="32" y="8"/>
                      </a:lnTo>
                      <a:lnTo>
                        <a:pt x="64" y="16"/>
                      </a:lnTo>
                      <a:lnTo>
                        <a:pt x="96" y="28"/>
                      </a:lnTo>
                      <a:lnTo>
                        <a:pt x="128" y="42"/>
                      </a:lnTo>
                      <a:lnTo>
                        <a:pt x="154" y="58"/>
                      </a:lnTo>
                      <a:lnTo>
                        <a:pt x="178" y="80"/>
                      </a:lnTo>
                      <a:lnTo>
                        <a:pt x="196" y="106"/>
                      </a:lnTo>
                      <a:lnTo>
                        <a:pt x="208" y="136"/>
                      </a:lnTo>
                      <a:lnTo>
                        <a:pt x="212" y="172"/>
                      </a:lnTo>
                      <a:lnTo>
                        <a:pt x="208" y="207"/>
                      </a:lnTo>
                      <a:lnTo>
                        <a:pt x="198" y="237"/>
                      </a:lnTo>
                      <a:lnTo>
                        <a:pt x="180" y="263"/>
                      </a:lnTo>
                      <a:lnTo>
                        <a:pt x="158" y="285"/>
                      </a:lnTo>
                      <a:lnTo>
                        <a:pt x="132" y="303"/>
                      </a:lnTo>
                      <a:lnTo>
                        <a:pt x="102" y="317"/>
                      </a:lnTo>
                      <a:lnTo>
                        <a:pt x="70" y="329"/>
                      </a:lnTo>
                      <a:lnTo>
                        <a:pt x="36" y="335"/>
                      </a:lnTo>
                      <a:lnTo>
                        <a:pt x="0" y="339"/>
                      </a:lnTo>
                      <a:lnTo>
                        <a:pt x="0"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sp>
              <p:nvSpPr>
                <p:cNvPr id="34" name="Freeform 23">
                  <a:extLst>
                    <a:ext uri="{FF2B5EF4-FFF2-40B4-BE49-F238E27FC236}">
                      <a16:creationId xmlns:a16="http://schemas.microsoft.com/office/drawing/2014/main" id="{B41B05D4-2AD9-4A29-B997-A0BFDB30037C}"/>
                    </a:ext>
                  </a:extLst>
                </p:cNvPr>
                <p:cNvSpPr>
                  <a:spLocks/>
                </p:cNvSpPr>
                <p:nvPr/>
              </p:nvSpPr>
              <p:spPr bwMode="auto">
                <a:xfrm>
                  <a:off x="9757363" y="2819633"/>
                  <a:ext cx="16968" cy="26939"/>
                </a:xfrm>
                <a:custGeom>
                  <a:avLst/>
                  <a:gdLst>
                    <a:gd name="T0" fmla="*/ 194 w 194"/>
                    <a:gd name="T1" fmla="*/ 0 h 307"/>
                    <a:gd name="T2" fmla="*/ 194 w 194"/>
                    <a:gd name="T3" fmla="*/ 307 h 307"/>
                    <a:gd name="T4" fmla="*/ 142 w 194"/>
                    <a:gd name="T5" fmla="*/ 295 h 307"/>
                    <a:gd name="T6" fmla="*/ 100 w 194"/>
                    <a:gd name="T7" fmla="*/ 279 h 307"/>
                    <a:gd name="T8" fmla="*/ 64 w 194"/>
                    <a:gd name="T9" fmla="*/ 259 h 307"/>
                    <a:gd name="T10" fmla="*/ 36 w 194"/>
                    <a:gd name="T11" fmla="*/ 237 h 307"/>
                    <a:gd name="T12" fmla="*/ 16 w 194"/>
                    <a:gd name="T13" fmla="*/ 211 h 307"/>
                    <a:gd name="T14" fmla="*/ 4 w 194"/>
                    <a:gd name="T15" fmla="*/ 179 h 307"/>
                    <a:gd name="T16" fmla="*/ 0 w 194"/>
                    <a:gd name="T17" fmla="*/ 146 h 307"/>
                    <a:gd name="T18" fmla="*/ 6 w 194"/>
                    <a:gd name="T19" fmla="*/ 114 h 307"/>
                    <a:gd name="T20" fmla="*/ 18 w 194"/>
                    <a:gd name="T21" fmla="*/ 86 h 307"/>
                    <a:gd name="T22" fmla="*/ 40 w 194"/>
                    <a:gd name="T23" fmla="*/ 58 h 307"/>
                    <a:gd name="T24" fmla="*/ 68 w 194"/>
                    <a:gd name="T25" fmla="*/ 36 h 307"/>
                    <a:gd name="T26" fmla="*/ 104 w 194"/>
                    <a:gd name="T27" fmla="*/ 18 h 307"/>
                    <a:gd name="T28" fmla="*/ 146 w 194"/>
                    <a:gd name="T29" fmla="*/ 6 h 307"/>
                    <a:gd name="T30" fmla="*/ 194 w 194"/>
                    <a:gd name="T31" fmla="*/ 0 h 3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94" h="307">
                      <a:moveTo>
                        <a:pt x="194" y="0"/>
                      </a:moveTo>
                      <a:lnTo>
                        <a:pt x="194" y="307"/>
                      </a:lnTo>
                      <a:lnTo>
                        <a:pt x="142" y="295"/>
                      </a:lnTo>
                      <a:lnTo>
                        <a:pt x="100" y="279"/>
                      </a:lnTo>
                      <a:lnTo>
                        <a:pt x="64" y="259"/>
                      </a:lnTo>
                      <a:lnTo>
                        <a:pt x="36" y="237"/>
                      </a:lnTo>
                      <a:lnTo>
                        <a:pt x="16" y="211"/>
                      </a:lnTo>
                      <a:lnTo>
                        <a:pt x="4" y="179"/>
                      </a:lnTo>
                      <a:lnTo>
                        <a:pt x="0" y="146"/>
                      </a:lnTo>
                      <a:lnTo>
                        <a:pt x="6" y="114"/>
                      </a:lnTo>
                      <a:lnTo>
                        <a:pt x="18" y="86"/>
                      </a:lnTo>
                      <a:lnTo>
                        <a:pt x="40" y="58"/>
                      </a:lnTo>
                      <a:lnTo>
                        <a:pt x="68" y="36"/>
                      </a:lnTo>
                      <a:lnTo>
                        <a:pt x="104" y="18"/>
                      </a:lnTo>
                      <a:lnTo>
                        <a:pt x="146" y="6"/>
                      </a:lnTo>
                      <a:lnTo>
                        <a:pt x="194"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grpSp>
          <p:sp>
            <p:nvSpPr>
              <p:cNvPr id="32" name="Freeform 24">
                <a:extLst>
                  <a:ext uri="{FF2B5EF4-FFF2-40B4-BE49-F238E27FC236}">
                    <a16:creationId xmlns:a16="http://schemas.microsoft.com/office/drawing/2014/main" id="{FA0B69D5-1796-48B8-BBD5-4D1F3FCF77BD}"/>
                  </a:ext>
                </a:extLst>
              </p:cNvPr>
              <p:cNvSpPr>
                <a:spLocks noEditPoints="1"/>
              </p:cNvSpPr>
              <p:nvPr/>
            </p:nvSpPr>
            <p:spPr bwMode="auto">
              <a:xfrm>
                <a:off x="9687916" y="2768554"/>
                <a:ext cx="181226" cy="181400"/>
              </a:xfrm>
              <a:custGeom>
                <a:avLst/>
                <a:gdLst>
                  <a:gd name="T0" fmla="*/ 993 w 2073"/>
                  <a:gd name="T1" fmla="*/ 297 h 2073"/>
                  <a:gd name="T2" fmla="*/ 875 w 2073"/>
                  <a:gd name="T3" fmla="*/ 425 h 2073"/>
                  <a:gd name="T4" fmla="*/ 684 w 2073"/>
                  <a:gd name="T5" fmla="*/ 522 h 2073"/>
                  <a:gd name="T6" fmla="*/ 584 w 2073"/>
                  <a:gd name="T7" fmla="*/ 708 h 2073"/>
                  <a:gd name="T8" fmla="*/ 620 w 2073"/>
                  <a:gd name="T9" fmla="*/ 919 h 2073"/>
                  <a:gd name="T10" fmla="*/ 787 w 2073"/>
                  <a:gd name="T11" fmla="*/ 1058 h 2073"/>
                  <a:gd name="T12" fmla="*/ 989 w 2073"/>
                  <a:gd name="T13" fmla="*/ 1475 h 2073"/>
                  <a:gd name="T14" fmla="*/ 845 w 2073"/>
                  <a:gd name="T15" fmla="*/ 1431 h 2073"/>
                  <a:gd name="T16" fmla="*/ 789 w 2073"/>
                  <a:gd name="T17" fmla="*/ 1347 h 2073"/>
                  <a:gd name="T18" fmla="*/ 754 w 2073"/>
                  <a:gd name="T19" fmla="*/ 1264 h 2073"/>
                  <a:gd name="T20" fmla="*/ 662 w 2073"/>
                  <a:gd name="T21" fmla="*/ 1226 h 2073"/>
                  <a:gd name="T22" fmla="*/ 568 w 2073"/>
                  <a:gd name="T23" fmla="*/ 1276 h 2073"/>
                  <a:gd name="T24" fmla="*/ 570 w 2073"/>
                  <a:gd name="T25" fmla="*/ 1411 h 2073"/>
                  <a:gd name="T26" fmla="*/ 684 w 2073"/>
                  <a:gd name="T27" fmla="*/ 1557 h 2073"/>
                  <a:gd name="T28" fmla="*/ 913 w 2073"/>
                  <a:gd name="T29" fmla="*/ 1644 h 2073"/>
                  <a:gd name="T30" fmla="*/ 1003 w 2073"/>
                  <a:gd name="T31" fmla="*/ 1796 h 2073"/>
                  <a:gd name="T32" fmla="*/ 1076 w 2073"/>
                  <a:gd name="T33" fmla="*/ 1796 h 2073"/>
                  <a:gd name="T34" fmla="*/ 1158 w 2073"/>
                  <a:gd name="T35" fmla="*/ 1644 h 2073"/>
                  <a:gd name="T36" fmla="*/ 1379 w 2073"/>
                  <a:gd name="T37" fmla="*/ 1565 h 2073"/>
                  <a:gd name="T38" fmla="*/ 1501 w 2073"/>
                  <a:gd name="T39" fmla="*/ 1403 h 2073"/>
                  <a:gd name="T40" fmla="*/ 1505 w 2073"/>
                  <a:gd name="T41" fmla="*/ 1180 h 2073"/>
                  <a:gd name="T42" fmla="*/ 1407 w 2073"/>
                  <a:gd name="T43" fmla="*/ 1033 h 2073"/>
                  <a:gd name="T44" fmla="*/ 1242 w 2073"/>
                  <a:gd name="T45" fmla="*/ 949 h 2073"/>
                  <a:gd name="T46" fmla="*/ 1090 w 2073"/>
                  <a:gd name="T47" fmla="*/ 584 h 2073"/>
                  <a:gd name="T48" fmla="*/ 1228 w 2073"/>
                  <a:gd name="T49" fmla="*/ 634 h 2073"/>
                  <a:gd name="T50" fmla="*/ 1306 w 2073"/>
                  <a:gd name="T51" fmla="*/ 724 h 2073"/>
                  <a:gd name="T52" fmla="*/ 1391 w 2073"/>
                  <a:gd name="T53" fmla="*/ 771 h 2073"/>
                  <a:gd name="T54" fmla="*/ 1485 w 2073"/>
                  <a:gd name="T55" fmla="*/ 722 h 2073"/>
                  <a:gd name="T56" fmla="*/ 1479 w 2073"/>
                  <a:gd name="T57" fmla="*/ 588 h 2073"/>
                  <a:gd name="T58" fmla="*/ 1345 w 2073"/>
                  <a:gd name="T59" fmla="*/ 474 h 2073"/>
                  <a:gd name="T60" fmla="*/ 1168 w 2073"/>
                  <a:gd name="T61" fmla="*/ 417 h 2073"/>
                  <a:gd name="T62" fmla="*/ 1086 w 2073"/>
                  <a:gd name="T63" fmla="*/ 297 h 2073"/>
                  <a:gd name="T64" fmla="*/ 1037 w 2073"/>
                  <a:gd name="T65" fmla="*/ 0 h 2073"/>
                  <a:gd name="T66" fmla="*/ 1465 w 2073"/>
                  <a:gd name="T67" fmla="*/ 94 h 2073"/>
                  <a:gd name="T68" fmla="*/ 1806 w 2073"/>
                  <a:gd name="T69" fmla="*/ 343 h 2073"/>
                  <a:gd name="T70" fmla="*/ 2019 w 2073"/>
                  <a:gd name="T71" fmla="*/ 710 h 2073"/>
                  <a:gd name="T72" fmla="*/ 2067 w 2073"/>
                  <a:gd name="T73" fmla="*/ 1150 h 2073"/>
                  <a:gd name="T74" fmla="*/ 1932 w 2073"/>
                  <a:gd name="T75" fmla="*/ 1561 h 2073"/>
                  <a:gd name="T76" fmla="*/ 1648 w 2073"/>
                  <a:gd name="T77" fmla="*/ 1874 h 2073"/>
                  <a:gd name="T78" fmla="*/ 1258 w 2073"/>
                  <a:gd name="T79" fmla="*/ 2049 h 2073"/>
                  <a:gd name="T80" fmla="*/ 813 w 2073"/>
                  <a:gd name="T81" fmla="*/ 2049 h 2073"/>
                  <a:gd name="T82" fmla="*/ 425 w 2073"/>
                  <a:gd name="T83" fmla="*/ 1874 h 2073"/>
                  <a:gd name="T84" fmla="*/ 142 w 2073"/>
                  <a:gd name="T85" fmla="*/ 1561 h 2073"/>
                  <a:gd name="T86" fmla="*/ 6 w 2073"/>
                  <a:gd name="T87" fmla="*/ 1150 h 2073"/>
                  <a:gd name="T88" fmla="*/ 52 w 2073"/>
                  <a:gd name="T89" fmla="*/ 710 h 2073"/>
                  <a:gd name="T90" fmla="*/ 267 w 2073"/>
                  <a:gd name="T91" fmla="*/ 343 h 2073"/>
                  <a:gd name="T92" fmla="*/ 608 w 2073"/>
                  <a:gd name="T93" fmla="*/ 94 h 2073"/>
                  <a:gd name="T94" fmla="*/ 1037 w 2073"/>
                  <a:gd name="T95" fmla="*/ 0 h 20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73" h="2073">
                    <a:moveTo>
                      <a:pt x="1039" y="259"/>
                    </a:moveTo>
                    <a:lnTo>
                      <a:pt x="1019" y="265"/>
                    </a:lnTo>
                    <a:lnTo>
                      <a:pt x="1003" y="277"/>
                    </a:lnTo>
                    <a:lnTo>
                      <a:pt x="993" y="297"/>
                    </a:lnTo>
                    <a:lnTo>
                      <a:pt x="989" y="317"/>
                    </a:lnTo>
                    <a:lnTo>
                      <a:pt x="989" y="409"/>
                    </a:lnTo>
                    <a:lnTo>
                      <a:pt x="931" y="415"/>
                    </a:lnTo>
                    <a:lnTo>
                      <a:pt x="875" y="425"/>
                    </a:lnTo>
                    <a:lnTo>
                      <a:pt x="821" y="441"/>
                    </a:lnTo>
                    <a:lnTo>
                      <a:pt x="771" y="460"/>
                    </a:lnTo>
                    <a:lnTo>
                      <a:pt x="726" y="488"/>
                    </a:lnTo>
                    <a:lnTo>
                      <a:pt x="684" y="522"/>
                    </a:lnTo>
                    <a:lnTo>
                      <a:pt x="650" y="560"/>
                    </a:lnTo>
                    <a:lnTo>
                      <a:pt x="620" y="604"/>
                    </a:lnTo>
                    <a:lnTo>
                      <a:pt x="598" y="654"/>
                    </a:lnTo>
                    <a:lnTo>
                      <a:pt x="584" y="708"/>
                    </a:lnTo>
                    <a:lnTo>
                      <a:pt x="580" y="769"/>
                    </a:lnTo>
                    <a:lnTo>
                      <a:pt x="584" y="823"/>
                    </a:lnTo>
                    <a:lnTo>
                      <a:pt x="598" y="873"/>
                    </a:lnTo>
                    <a:lnTo>
                      <a:pt x="620" y="919"/>
                    </a:lnTo>
                    <a:lnTo>
                      <a:pt x="652" y="961"/>
                    </a:lnTo>
                    <a:lnTo>
                      <a:pt x="690" y="997"/>
                    </a:lnTo>
                    <a:lnTo>
                      <a:pt x="736" y="1029"/>
                    </a:lnTo>
                    <a:lnTo>
                      <a:pt x="787" y="1058"/>
                    </a:lnTo>
                    <a:lnTo>
                      <a:pt x="849" y="1080"/>
                    </a:lnTo>
                    <a:lnTo>
                      <a:pt x="915" y="1100"/>
                    </a:lnTo>
                    <a:lnTo>
                      <a:pt x="989" y="1116"/>
                    </a:lnTo>
                    <a:lnTo>
                      <a:pt x="989" y="1475"/>
                    </a:lnTo>
                    <a:lnTo>
                      <a:pt x="941" y="1471"/>
                    </a:lnTo>
                    <a:lnTo>
                      <a:pt x="901" y="1461"/>
                    </a:lnTo>
                    <a:lnTo>
                      <a:pt x="869" y="1447"/>
                    </a:lnTo>
                    <a:lnTo>
                      <a:pt x="845" y="1431"/>
                    </a:lnTo>
                    <a:lnTo>
                      <a:pt x="825" y="1413"/>
                    </a:lnTo>
                    <a:lnTo>
                      <a:pt x="811" y="1391"/>
                    </a:lnTo>
                    <a:lnTo>
                      <a:pt x="799" y="1369"/>
                    </a:lnTo>
                    <a:lnTo>
                      <a:pt x="789" y="1347"/>
                    </a:lnTo>
                    <a:lnTo>
                      <a:pt x="781" y="1324"/>
                    </a:lnTo>
                    <a:lnTo>
                      <a:pt x="773" y="1302"/>
                    </a:lnTo>
                    <a:lnTo>
                      <a:pt x="765" y="1282"/>
                    </a:lnTo>
                    <a:lnTo>
                      <a:pt x="754" y="1264"/>
                    </a:lnTo>
                    <a:lnTo>
                      <a:pt x="738" y="1248"/>
                    </a:lnTo>
                    <a:lnTo>
                      <a:pt x="718" y="1238"/>
                    </a:lnTo>
                    <a:lnTo>
                      <a:pt x="694" y="1230"/>
                    </a:lnTo>
                    <a:lnTo>
                      <a:pt x="662" y="1226"/>
                    </a:lnTo>
                    <a:lnTo>
                      <a:pt x="630" y="1230"/>
                    </a:lnTo>
                    <a:lnTo>
                      <a:pt x="604" y="1240"/>
                    </a:lnTo>
                    <a:lnTo>
                      <a:pt x="584" y="1256"/>
                    </a:lnTo>
                    <a:lnTo>
                      <a:pt x="568" y="1276"/>
                    </a:lnTo>
                    <a:lnTo>
                      <a:pt x="558" y="1304"/>
                    </a:lnTo>
                    <a:lnTo>
                      <a:pt x="554" y="1336"/>
                    </a:lnTo>
                    <a:lnTo>
                      <a:pt x="558" y="1373"/>
                    </a:lnTo>
                    <a:lnTo>
                      <a:pt x="570" y="1411"/>
                    </a:lnTo>
                    <a:lnTo>
                      <a:pt x="586" y="1449"/>
                    </a:lnTo>
                    <a:lnTo>
                      <a:pt x="612" y="1487"/>
                    </a:lnTo>
                    <a:lnTo>
                      <a:pt x="644" y="1523"/>
                    </a:lnTo>
                    <a:lnTo>
                      <a:pt x="684" y="1557"/>
                    </a:lnTo>
                    <a:lnTo>
                      <a:pt x="730" y="1587"/>
                    </a:lnTo>
                    <a:lnTo>
                      <a:pt x="783" y="1613"/>
                    </a:lnTo>
                    <a:lnTo>
                      <a:pt x="845" y="1631"/>
                    </a:lnTo>
                    <a:lnTo>
                      <a:pt x="913" y="1644"/>
                    </a:lnTo>
                    <a:lnTo>
                      <a:pt x="989" y="1650"/>
                    </a:lnTo>
                    <a:lnTo>
                      <a:pt x="989" y="1756"/>
                    </a:lnTo>
                    <a:lnTo>
                      <a:pt x="993" y="1778"/>
                    </a:lnTo>
                    <a:lnTo>
                      <a:pt x="1003" y="1796"/>
                    </a:lnTo>
                    <a:lnTo>
                      <a:pt x="1019" y="1810"/>
                    </a:lnTo>
                    <a:lnTo>
                      <a:pt x="1041" y="1816"/>
                    </a:lnTo>
                    <a:lnTo>
                      <a:pt x="1060" y="1810"/>
                    </a:lnTo>
                    <a:lnTo>
                      <a:pt x="1076" y="1796"/>
                    </a:lnTo>
                    <a:lnTo>
                      <a:pt x="1086" y="1778"/>
                    </a:lnTo>
                    <a:lnTo>
                      <a:pt x="1090" y="1756"/>
                    </a:lnTo>
                    <a:lnTo>
                      <a:pt x="1090" y="1650"/>
                    </a:lnTo>
                    <a:lnTo>
                      <a:pt x="1158" y="1644"/>
                    </a:lnTo>
                    <a:lnTo>
                      <a:pt x="1222" y="1633"/>
                    </a:lnTo>
                    <a:lnTo>
                      <a:pt x="1280" y="1615"/>
                    </a:lnTo>
                    <a:lnTo>
                      <a:pt x="1332" y="1593"/>
                    </a:lnTo>
                    <a:lnTo>
                      <a:pt x="1379" y="1565"/>
                    </a:lnTo>
                    <a:lnTo>
                      <a:pt x="1419" y="1533"/>
                    </a:lnTo>
                    <a:lnTo>
                      <a:pt x="1455" y="1495"/>
                    </a:lnTo>
                    <a:lnTo>
                      <a:pt x="1481" y="1451"/>
                    </a:lnTo>
                    <a:lnTo>
                      <a:pt x="1501" y="1403"/>
                    </a:lnTo>
                    <a:lnTo>
                      <a:pt x="1513" y="1349"/>
                    </a:lnTo>
                    <a:lnTo>
                      <a:pt x="1519" y="1290"/>
                    </a:lnTo>
                    <a:lnTo>
                      <a:pt x="1515" y="1232"/>
                    </a:lnTo>
                    <a:lnTo>
                      <a:pt x="1505" y="1180"/>
                    </a:lnTo>
                    <a:lnTo>
                      <a:pt x="1489" y="1136"/>
                    </a:lnTo>
                    <a:lnTo>
                      <a:pt x="1467" y="1096"/>
                    </a:lnTo>
                    <a:lnTo>
                      <a:pt x="1439" y="1062"/>
                    </a:lnTo>
                    <a:lnTo>
                      <a:pt x="1407" y="1033"/>
                    </a:lnTo>
                    <a:lnTo>
                      <a:pt x="1371" y="1007"/>
                    </a:lnTo>
                    <a:lnTo>
                      <a:pt x="1332" y="985"/>
                    </a:lnTo>
                    <a:lnTo>
                      <a:pt x="1288" y="965"/>
                    </a:lnTo>
                    <a:lnTo>
                      <a:pt x="1242" y="949"/>
                    </a:lnTo>
                    <a:lnTo>
                      <a:pt x="1194" y="935"/>
                    </a:lnTo>
                    <a:lnTo>
                      <a:pt x="1142" y="921"/>
                    </a:lnTo>
                    <a:lnTo>
                      <a:pt x="1090" y="909"/>
                    </a:lnTo>
                    <a:lnTo>
                      <a:pt x="1090" y="584"/>
                    </a:lnTo>
                    <a:lnTo>
                      <a:pt x="1134" y="588"/>
                    </a:lnTo>
                    <a:lnTo>
                      <a:pt x="1172" y="600"/>
                    </a:lnTo>
                    <a:lnTo>
                      <a:pt x="1202" y="614"/>
                    </a:lnTo>
                    <a:lnTo>
                      <a:pt x="1228" y="634"/>
                    </a:lnTo>
                    <a:lnTo>
                      <a:pt x="1252" y="656"/>
                    </a:lnTo>
                    <a:lnTo>
                      <a:pt x="1270" y="680"/>
                    </a:lnTo>
                    <a:lnTo>
                      <a:pt x="1288" y="702"/>
                    </a:lnTo>
                    <a:lnTo>
                      <a:pt x="1306" y="724"/>
                    </a:lnTo>
                    <a:lnTo>
                      <a:pt x="1324" y="742"/>
                    </a:lnTo>
                    <a:lnTo>
                      <a:pt x="1343" y="757"/>
                    </a:lnTo>
                    <a:lnTo>
                      <a:pt x="1365" y="767"/>
                    </a:lnTo>
                    <a:lnTo>
                      <a:pt x="1391" y="771"/>
                    </a:lnTo>
                    <a:lnTo>
                      <a:pt x="1419" y="767"/>
                    </a:lnTo>
                    <a:lnTo>
                      <a:pt x="1445" y="757"/>
                    </a:lnTo>
                    <a:lnTo>
                      <a:pt x="1467" y="743"/>
                    </a:lnTo>
                    <a:lnTo>
                      <a:pt x="1485" y="722"/>
                    </a:lnTo>
                    <a:lnTo>
                      <a:pt x="1495" y="696"/>
                    </a:lnTo>
                    <a:lnTo>
                      <a:pt x="1499" y="664"/>
                    </a:lnTo>
                    <a:lnTo>
                      <a:pt x="1493" y="624"/>
                    </a:lnTo>
                    <a:lnTo>
                      <a:pt x="1479" y="588"/>
                    </a:lnTo>
                    <a:lnTo>
                      <a:pt x="1455" y="554"/>
                    </a:lnTo>
                    <a:lnTo>
                      <a:pt x="1423" y="524"/>
                    </a:lnTo>
                    <a:lnTo>
                      <a:pt x="1385" y="498"/>
                    </a:lnTo>
                    <a:lnTo>
                      <a:pt x="1345" y="474"/>
                    </a:lnTo>
                    <a:lnTo>
                      <a:pt x="1302" y="456"/>
                    </a:lnTo>
                    <a:lnTo>
                      <a:pt x="1256" y="439"/>
                    </a:lnTo>
                    <a:lnTo>
                      <a:pt x="1212" y="427"/>
                    </a:lnTo>
                    <a:lnTo>
                      <a:pt x="1168" y="417"/>
                    </a:lnTo>
                    <a:lnTo>
                      <a:pt x="1126" y="413"/>
                    </a:lnTo>
                    <a:lnTo>
                      <a:pt x="1090" y="409"/>
                    </a:lnTo>
                    <a:lnTo>
                      <a:pt x="1090" y="317"/>
                    </a:lnTo>
                    <a:lnTo>
                      <a:pt x="1086" y="297"/>
                    </a:lnTo>
                    <a:lnTo>
                      <a:pt x="1076" y="277"/>
                    </a:lnTo>
                    <a:lnTo>
                      <a:pt x="1060" y="265"/>
                    </a:lnTo>
                    <a:lnTo>
                      <a:pt x="1039" y="259"/>
                    </a:lnTo>
                    <a:close/>
                    <a:moveTo>
                      <a:pt x="1037" y="0"/>
                    </a:moveTo>
                    <a:lnTo>
                      <a:pt x="1148" y="6"/>
                    </a:lnTo>
                    <a:lnTo>
                      <a:pt x="1258" y="24"/>
                    </a:lnTo>
                    <a:lnTo>
                      <a:pt x="1363" y="54"/>
                    </a:lnTo>
                    <a:lnTo>
                      <a:pt x="1465" y="94"/>
                    </a:lnTo>
                    <a:lnTo>
                      <a:pt x="1559" y="142"/>
                    </a:lnTo>
                    <a:lnTo>
                      <a:pt x="1648" y="201"/>
                    </a:lnTo>
                    <a:lnTo>
                      <a:pt x="1730" y="267"/>
                    </a:lnTo>
                    <a:lnTo>
                      <a:pt x="1806" y="343"/>
                    </a:lnTo>
                    <a:lnTo>
                      <a:pt x="1874" y="425"/>
                    </a:lnTo>
                    <a:lnTo>
                      <a:pt x="1932" y="514"/>
                    </a:lnTo>
                    <a:lnTo>
                      <a:pt x="1981" y="610"/>
                    </a:lnTo>
                    <a:lnTo>
                      <a:pt x="2019" y="710"/>
                    </a:lnTo>
                    <a:lnTo>
                      <a:pt x="2049" y="815"/>
                    </a:lnTo>
                    <a:lnTo>
                      <a:pt x="2067" y="925"/>
                    </a:lnTo>
                    <a:lnTo>
                      <a:pt x="2073" y="1037"/>
                    </a:lnTo>
                    <a:lnTo>
                      <a:pt x="2067" y="1150"/>
                    </a:lnTo>
                    <a:lnTo>
                      <a:pt x="2049" y="1260"/>
                    </a:lnTo>
                    <a:lnTo>
                      <a:pt x="2021" y="1365"/>
                    </a:lnTo>
                    <a:lnTo>
                      <a:pt x="1981" y="1465"/>
                    </a:lnTo>
                    <a:lnTo>
                      <a:pt x="1932" y="1561"/>
                    </a:lnTo>
                    <a:lnTo>
                      <a:pt x="1874" y="1648"/>
                    </a:lnTo>
                    <a:lnTo>
                      <a:pt x="1806" y="1732"/>
                    </a:lnTo>
                    <a:lnTo>
                      <a:pt x="1730" y="1806"/>
                    </a:lnTo>
                    <a:lnTo>
                      <a:pt x="1648" y="1874"/>
                    </a:lnTo>
                    <a:lnTo>
                      <a:pt x="1559" y="1932"/>
                    </a:lnTo>
                    <a:lnTo>
                      <a:pt x="1465" y="1981"/>
                    </a:lnTo>
                    <a:lnTo>
                      <a:pt x="1363" y="2021"/>
                    </a:lnTo>
                    <a:lnTo>
                      <a:pt x="1258" y="2049"/>
                    </a:lnTo>
                    <a:lnTo>
                      <a:pt x="1148" y="2067"/>
                    </a:lnTo>
                    <a:lnTo>
                      <a:pt x="1037" y="2073"/>
                    </a:lnTo>
                    <a:lnTo>
                      <a:pt x="923" y="2067"/>
                    </a:lnTo>
                    <a:lnTo>
                      <a:pt x="813" y="2049"/>
                    </a:lnTo>
                    <a:lnTo>
                      <a:pt x="710" y="2021"/>
                    </a:lnTo>
                    <a:lnTo>
                      <a:pt x="608" y="1981"/>
                    </a:lnTo>
                    <a:lnTo>
                      <a:pt x="512" y="1932"/>
                    </a:lnTo>
                    <a:lnTo>
                      <a:pt x="425" y="1874"/>
                    </a:lnTo>
                    <a:lnTo>
                      <a:pt x="341" y="1806"/>
                    </a:lnTo>
                    <a:lnTo>
                      <a:pt x="267" y="1732"/>
                    </a:lnTo>
                    <a:lnTo>
                      <a:pt x="199" y="1648"/>
                    </a:lnTo>
                    <a:lnTo>
                      <a:pt x="142" y="1561"/>
                    </a:lnTo>
                    <a:lnTo>
                      <a:pt x="92" y="1465"/>
                    </a:lnTo>
                    <a:lnTo>
                      <a:pt x="52" y="1365"/>
                    </a:lnTo>
                    <a:lnTo>
                      <a:pt x="24" y="1260"/>
                    </a:lnTo>
                    <a:lnTo>
                      <a:pt x="6" y="1150"/>
                    </a:lnTo>
                    <a:lnTo>
                      <a:pt x="0" y="1037"/>
                    </a:lnTo>
                    <a:lnTo>
                      <a:pt x="6" y="925"/>
                    </a:lnTo>
                    <a:lnTo>
                      <a:pt x="24" y="815"/>
                    </a:lnTo>
                    <a:lnTo>
                      <a:pt x="52" y="710"/>
                    </a:lnTo>
                    <a:lnTo>
                      <a:pt x="92" y="610"/>
                    </a:lnTo>
                    <a:lnTo>
                      <a:pt x="142" y="514"/>
                    </a:lnTo>
                    <a:lnTo>
                      <a:pt x="199" y="425"/>
                    </a:lnTo>
                    <a:lnTo>
                      <a:pt x="267" y="343"/>
                    </a:lnTo>
                    <a:lnTo>
                      <a:pt x="341" y="267"/>
                    </a:lnTo>
                    <a:lnTo>
                      <a:pt x="425" y="201"/>
                    </a:lnTo>
                    <a:lnTo>
                      <a:pt x="512" y="142"/>
                    </a:lnTo>
                    <a:lnTo>
                      <a:pt x="608" y="94"/>
                    </a:lnTo>
                    <a:lnTo>
                      <a:pt x="710" y="54"/>
                    </a:lnTo>
                    <a:lnTo>
                      <a:pt x="813" y="24"/>
                    </a:lnTo>
                    <a:lnTo>
                      <a:pt x="923" y="6"/>
                    </a:lnTo>
                    <a:lnTo>
                      <a:pt x="1037"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grpSp>
        <p:sp>
          <p:nvSpPr>
            <p:cNvPr id="30" name="Freeform 28">
              <a:extLst>
                <a:ext uri="{FF2B5EF4-FFF2-40B4-BE49-F238E27FC236}">
                  <a16:creationId xmlns:a16="http://schemas.microsoft.com/office/drawing/2014/main" id="{B1B9F35C-1764-4AAF-8C41-5DB71E5794B8}"/>
                </a:ext>
              </a:extLst>
            </p:cNvPr>
            <p:cNvSpPr>
              <a:spLocks/>
            </p:cNvSpPr>
            <p:nvPr/>
          </p:nvSpPr>
          <p:spPr bwMode="auto">
            <a:xfrm rot="3305959">
              <a:off x="9350029" y="2781246"/>
              <a:ext cx="368924" cy="218660"/>
            </a:xfrm>
            <a:custGeom>
              <a:avLst/>
              <a:gdLst>
                <a:gd name="T0" fmla="*/ 3325 w 4218"/>
                <a:gd name="T1" fmla="*/ 0 h 2500"/>
                <a:gd name="T2" fmla="*/ 3359 w 4218"/>
                <a:gd name="T3" fmla="*/ 2 h 2500"/>
                <a:gd name="T4" fmla="*/ 4100 w 4218"/>
                <a:gd name="T5" fmla="*/ 158 h 2500"/>
                <a:gd name="T6" fmla="*/ 4130 w 4218"/>
                <a:gd name="T7" fmla="*/ 168 h 2500"/>
                <a:gd name="T8" fmla="*/ 4158 w 4218"/>
                <a:gd name="T9" fmla="*/ 184 h 2500"/>
                <a:gd name="T10" fmla="*/ 4182 w 4218"/>
                <a:gd name="T11" fmla="*/ 206 h 2500"/>
                <a:gd name="T12" fmla="*/ 4200 w 4218"/>
                <a:gd name="T13" fmla="*/ 234 h 2500"/>
                <a:gd name="T14" fmla="*/ 4214 w 4218"/>
                <a:gd name="T15" fmla="*/ 264 h 2500"/>
                <a:gd name="T16" fmla="*/ 4218 w 4218"/>
                <a:gd name="T17" fmla="*/ 295 h 2500"/>
                <a:gd name="T18" fmla="*/ 4216 w 4218"/>
                <a:gd name="T19" fmla="*/ 327 h 2500"/>
                <a:gd name="T20" fmla="*/ 4208 w 4218"/>
                <a:gd name="T21" fmla="*/ 359 h 2500"/>
                <a:gd name="T22" fmla="*/ 3921 w 4218"/>
                <a:gd name="T23" fmla="*/ 1059 h 2500"/>
                <a:gd name="T24" fmla="*/ 3905 w 4218"/>
                <a:gd name="T25" fmla="*/ 1089 h 2500"/>
                <a:gd name="T26" fmla="*/ 3883 w 4218"/>
                <a:gd name="T27" fmla="*/ 1115 h 2500"/>
                <a:gd name="T28" fmla="*/ 3855 w 4218"/>
                <a:gd name="T29" fmla="*/ 1133 h 2500"/>
                <a:gd name="T30" fmla="*/ 3825 w 4218"/>
                <a:gd name="T31" fmla="*/ 1147 h 2500"/>
                <a:gd name="T32" fmla="*/ 3791 w 4218"/>
                <a:gd name="T33" fmla="*/ 1153 h 2500"/>
                <a:gd name="T34" fmla="*/ 3783 w 4218"/>
                <a:gd name="T35" fmla="*/ 1153 h 2500"/>
                <a:gd name="T36" fmla="*/ 3751 w 4218"/>
                <a:gd name="T37" fmla="*/ 1149 h 2500"/>
                <a:gd name="T38" fmla="*/ 3721 w 4218"/>
                <a:gd name="T39" fmla="*/ 1139 h 2500"/>
                <a:gd name="T40" fmla="*/ 3693 w 4218"/>
                <a:gd name="T41" fmla="*/ 1123 h 2500"/>
                <a:gd name="T42" fmla="*/ 3670 w 4218"/>
                <a:gd name="T43" fmla="*/ 1101 h 2500"/>
                <a:gd name="T44" fmla="*/ 3652 w 4218"/>
                <a:gd name="T45" fmla="*/ 1073 h 2500"/>
                <a:gd name="T46" fmla="*/ 3502 w 4218"/>
                <a:gd name="T47" fmla="*/ 790 h 2500"/>
                <a:gd name="T48" fmla="*/ 217 w 4218"/>
                <a:gd name="T49" fmla="*/ 2484 h 2500"/>
                <a:gd name="T50" fmla="*/ 183 w 4218"/>
                <a:gd name="T51" fmla="*/ 2496 h 2500"/>
                <a:gd name="T52" fmla="*/ 149 w 4218"/>
                <a:gd name="T53" fmla="*/ 2500 h 2500"/>
                <a:gd name="T54" fmla="*/ 118 w 4218"/>
                <a:gd name="T55" fmla="*/ 2498 h 2500"/>
                <a:gd name="T56" fmla="*/ 88 w 4218"/>
                <a:gd name="T57" fmla="*/ 2486 h 2500"/>
                <a:gd name="T58" fmla="*/ 60 w 4218"/>
                <a:gd name="T59" fmla="*/ 2470 h 2500"/>
                <a:gd name="T60" fmla="*/ 36 w 4218"/>
                <a:gd name="T61" fmla="*/ 2448 h 2500"/>
                <a:gd name="T62" fmla="*/ 16 w 4218"/>
                <a:gd name="T63" fmla="*/ 2420 h 2500"/>
                <a:gd name="T64" fmla="*/ 4 w 4218"/>
                <a:gd name="T65" fmla="*/ 2388 h 2500"/>
                <a:gd name="T66" fmla="*/ 0 w 4218"/>
                <a:gd name="T67" fmla="*/ 2355 h 2500"/>
                <a:gd name="T68" fmla="*/ 4 w 4218"/>
                <a:gd name="T69" fmla="*/ 2323 h 2500"/>
                <a:gd name="T70" fmla="*/ 14 w 4218"/>
                <a:gd name="T71" fmla="*/ 2291 h 2500"/>
                <a:gd name="T72" fmla="*/ 30 w 4218"/>
                <a:gd name="T73" fmla="*/ 2263 h 2500"/>
                <a:gd name="T74" fmla="*/ 52 w 4218"/>
                <a:gd name="T75" fmla="*/ 2239 h 2500"/>
                <a:gd name="T76" fmla="*/ 82 w 4218"/>
                <a:gd name="T77" fmla="*/ 2219 h 2500"/>
                <a:gd name="T78" fmla="*/ 3361 w 4218"/>
                <a:gd name="T79" fmla="*/ 527 h 2500"/>
                <a:gd name="T80" fmla="*/ 3197 w 4218"/>
                <a:gd name="T81" fmla="*/ 220 h 2500"/>
                <a:gd name="T82" fmla="*/ 3185 w 4218"/>
                <a:gd name="T83" fmla="*/ 188 h 2500"/>
                <a:gd name="T84" fmla="*/ 3179 w 4218"/>
                <a:gd name="T85" fmla="*/ 154 h 2500"/>
                <a:gd name="T86" fmla="*/ 3183 w 4218"/>
                <a:gd name="T87" fmla="*/ 120 h 2500"/>
                <a:gd name="T88" fmla="*/ 3193 w 4218"/>
                <a:gd name="T89" fmla="*/ 88 h 2500"/>
                <a:gd name="T90" fmla="*/ 3209 w 4218"/>
                <a:gd name="T91" fmla="*/ 60 h 2500"/>
                <a:gd name="T92" fmla="*/ 3233 w 4218"/>
                <a:gd name="T93" fmla="*/ 34 h 2500"/>
                <a:gd name="T94" fmla="*/ 3261 w 4218"/>
                <a:gd name="T95" fmla="*/ 16 h 2500"/>
                <a:gd name="T96" fmla="*/ 3293 w 4218"/>
                <a:gd name="T97" fmla="*/ 4 h 2500"/>
                <a:gd name="T98" fmla="*/ 3325 w 4218"/>
                <a:gd name="T99" fmla="*/ 0 h 25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4218" h="2500">
                  <a:moveTo>
                    <a:pt x="3325" y="0"/>
                  </a:moveTo>
                  <a:lnTo>
                    <a:pt x="3359" y="2"/>
                  </a:lnTo>
                  <a:lnTo>
                    <a:pt x="4100" y="158"/>
                  </a:lnTo>
                  <a:lnTo>
                    <a:pt x="4130" y="168"/>
                  </a:lnTo>
                  <a:lnTo>
                    <a:pt x="4158" y="184"/>
                  </a:lnTo>
                  <a:lnTo>
                    <a:pt x="4182" y="206"/>
                  </a:lnTo>
                  <a:lnTo>
                    <a:pt x="4200" y="234"/>
                  </a:lnTo>
                  <a:lnTo>
                    <a:pt x="4214" y="264"/>
                  </a:lnTo>
                  <a:lnTo>
                    <a:pt x="4218" y="295"/>
                  </a:lnTo>
                  <a:lnTo>
                    <a:pt x="4216" y="327"/>
                  </a:lnTo>
                  <a:lnTo>
                    <a:pt x="4208" y="359"/>
                  </a:lnTo>
                  <a:lnTo>
                    <a:pt x="3921" y="1059"/>
                  </a:lnTo>
                  <a:lnTo>
                    <a:pt x="3905" y="1089"/>
                  </a:lnTo>
                  <a:lnTo>
                    <a:pt x="3883" y="1115"/>
                  </a:lnTo>
                  <a:lnTo>
                    <a:pt x="3855" y="1133"/>
                  </a:lnTo>
                  <a:lnTo>
                    <a:pt x="3825" y="1147"/>
                  </a:lnTo>
                  <a:lnTo>
                    <a:pt x="3791" y="1153"/>
                  </a:lnTo>
                  <a:lnTo>
                    <a:pt x="3783" y="1153"/>
                  </a:lnTo>
                  <a:lnTo>
                    <a:pt x="3751" y="1149"/>
                  </a:lnTo>
                  <a:lnTo>
                    <a:pt x="3721" y="1139"/>
                  </a:lnTo>
                  <a:lnTo>
                    <a:pt x="3693" y="1123"/>
                  </a:lnTo>
                  <a:lnTo>
                    <a:pt x="3670" y="1101"/>
                  </a:lnTo>
                  <a:lnTo>
                    <a:pt x="3652" y="1073"/>
                  </a:lnTo>
                  <a:lnTo>
                    <a:pt x="3502" y="790"/>
                  </a:lnTo>
                  <a:lnTo>
                    <a:pt x="217" y="2484"/>
                  </a:lnTo>
                  <a:lnTo>
                    <a:pt x="183" y="2496"/>
                  </a:lnTo>
                  <a:lnTo>
                    <a:pt x="149" y="2500"/>
                  </a:lnTo>
                  <a:lnTo>
                    <a:pt x="118" y="2498"/>
                  </a:lnTo>
                  <a:lnTo>
                    <a:pt x="88" y="2486"/>
                  </a:lnTo>
                  <a:lnTo>
                    <a:pt x="60" y="2470"/>
                  </a:lnTo>
                  <a:lnTo>
                    <a:pt x="36" y="2448"/>
                  </a:lnTo>
                  <a:lnTo>
                    <a:pt x="16" y="2420"/>
                  </a:lnTo>
                  <a:lnTo>
                    <a:pt x="4" y="2388"/>
                  </a:lnTo>
                  <a:lnTo>
                    <a:pt x="0" y="2355"/>
                  </a:lnTo>
                  <a:lnTo>
                    <a:pt x="4" y="2323"/>
                  </a:lnTo>
                  <a:lnTo>
                    <a:pt x="14" y="2291"/>
                  </a:lnTo>
                  <a:lnTo>
                    <a:pt x="30" y="2263"/>
                  </a:lnTo>
                  <a:lnTo>
                    <a:pt x="52" y="2239"/>
                  </a:lnTo>
                  <a:lnTo>
                    <a:pt x="82" y="2219"/>
                  </a:lnTo>
                  <a:lnTo>
                    <a:pt x="3361" y="527"/>
                  </a:lnTo>
                  <a:lnTo>
                    <a:pt x="3197" y="220"/>
                  </a:lnTo>
                  <a:lnTo>
                    <a:pt x="3185" y="188"/>
                  </a:lnTo>
                  <a:lnTo>
                    <a:pt x="3179" y="154"/>
                  </a:lnTo>
                  <a:lnTo>
                    <a:pt x="3183" y="120"/>
                  </a:lnTo>
                  <a:lnTo>
                    <a:pt x="3193" y="88"/>
                  </a:lnTo>
                  <a:lnTo>
                    <a:pt x="3209" y="60"/>
                  </a:lnTo>
                  <a:lnTo>
                    <a:pt x="3233" y="34"/>
                  </a:lnTo>
                  <a:lnTo>
                    <a:pt x="3261" y="16"/>
                  </a:lnTo>
                  <a:lnTo>
                    <a:pt x="3293" y="4"/>
                  </a:lnTo>
                  <a:lnTo>
                    <a:pt x="3325"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grpSp>
    </p:spTree>
    <p:custDataLst>
      <p:tags r:id="rId1"/>
    </p:custDataLst>
    <p:extLst>
      <p:ext uri="{BB962C8B-B14F-4D97-AF65-F5344CB8AC3E}">
        <p14:creationId xmlns:p14="http://schemas.microsoft.com/office/powerpoint/2010/main" val="19340644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14BA3529-2309-4057-95A2-63E6AD9168AC}"/>
              </a:ext>
            </a:extLst>
          </p:cNvPr>
          <p:cNvSpPr>
            <a:spLocks noGrp="1"/>
          </p:cNvSpPr>
          <p:nvPr>
            <p:ph type="title"/>
          </p:nvPr>
        </p:nvSpPr>
        <p:spPr/>
        <p:txBody>
          <a:bodyPr/>
          <a:lstStyle/>
          <a:p>
            <a:r>
              <a:rPr lang="en-US" sz="2800" dirty="0"/>
              <a:t>Use Case 1</a:t>
            </a:r>
          </a:p>
        </p:txBody>
      </p:sp>
      <p:sp>
        <p:nvSpPr>
          <p:cNvPr id="10" name="Content Placeholder 9">
            <a:extLst>
              <a:ext uri="{FF2B5EF4-FFF2-40B4-BE49-F238E27FC236}">
                <a16:creationId xmlns:a16="http://schemas.microsoft.com/office/drawing/2014/main" id="{6840AC60-8348-4A09-BF52-8BFE761C2648}"/>
              </a:ext>
            </a:extLst>
          </p:cNvPr>
          <p:cNvSpPr>
            <a:spLocks noGrp="1"/>
          </p:cNvSpPr>
          <p:nvPr>
            <p:ph sz="quarter" idx="12"/>
          </p:nvPr>
        </p:nvSpPr>
        <p:spPr>
          <a:xfrm>
            <a:off x="4517136" y="3622773"/>
            <a:ext cx="9418320" cy="3688241"/>
          </a:xfrm>
        </p:spPr>
        <p:txBody>
          <a:bodyPr anchor="ctr"/>
          <a:lstStyle/>
          <a:p>
            <a:pPr marL="174625" indent="-171450">
              <a:lnSpc>
                <a:spcPct val="100000"/>
              </a:lnSpc>
              <a:spcBef>
                <a:spcPts val="600"/>
              </a:spcBef>
              <a:buFont typeface="Arial" panose="020B0604020202020204" pitchFamily="34" charset="0"/>
              <a:buChar char="•"/>
            </a:pPr>
            <a:r>
              <a:rPr lang="en-US" sz="1800" dirty="0"/>
              <a:t>Ability to easily track and monitor a student’s progress at any time. Several Learning Management Tools include reporting and analytics tools for instructors</a:t>
            </a:r>
          </a:p>
          <a:p>
            <a:pPr marL="174625" indent="-171450">
              <a:lnSpc>
                <a:spcPct val="100000"/>
              </a:lnSpc>
              <a:spcBef>
                <a:spcPts val="600"/>
              </a:spcBef>
              <a:buFont typeface="Arial" panose="020B0604020202020204" pitchFamily="34" charset="0"/>
              <a:buChar char="•"/>
            </a:pPr>
            <a:endParaRPr lang="en-US" sz="1800" dirty="0"/>
          </a:p>
          <a:p>
            <a:pPr marL="174625" indent="-171450">
              <a:lnSpc>
                <a:spcPct val="100000"/>
              </a:lnSpc>
              <a:spcBef>
                <a:spcPts val="600"/>
              </a:spcBef>
              <a:buFont typeface="Arial" panose="020B0604020202020204" pitchFamily="34" charset="0"/>
              <a:buChar char="•"/>
            </a:pPr>
            <a:r>
              <a:rPr lang="en-US" sz="1800" dirty="0"/>
              <a:t>Students can access materials centrally at any point in time</a:t>
            </a:r>
          </a:p>
          <a:p>
            <a:pPr marL="174625" indent="-171450">
              <a:lnSpc>
                <a:spcPct val="100000"/>
              </a:lnSpc>
              <a:spcBef>
                <a:spcPts val="600"/>
              </a:spcBef>
              <a:buFont typeface="Arial" panose="020B0604020202020204" pitchFamily="34" charset="0"/>
              <a:buChar char="•"/>
            </a:pPr>
            <a:endParaRPr lang="en-US" sz="1800" dirty="0"/>
          </a:p>
          <a:p>
            <a:pPr marL="174625" indent="-171450">
              <a:lnSpc>
                <a:spcPct val="100000"/>
              </a:lnSpc>
              <a:spcBef>
                <a:spcPts val="600"/>
              </a:spcBef>
              <a:buFont typeface="Arial" panose="020B0604020202020204" pitchFamily="34" charset="0"/>
              <a:buChar char="•"/>
            </a:pPr>
            <a:r>
              <a:rPr lang="en-US" sz="1800" dirty="0"/>
              <a:t>Learning Management Systems often include tools that can help facilitate social interactions and collaborations through integrated forums or instructor notification features</a:t>
            </a:r>
          </a:p>
          <a:p>
            <a:pPr marL="174625" indent="-171450">
              <a:lnSpc>
                <a:spcPct val="100000"/>
              </a:lnSpc>
              <a:spcBef>
                <a:spcPts val="600"/>
              </a:spcBef>
              <a:buFont typeface="Arial" panose="020B0604020202020204" pitchFamily="34" charset="0"/>
              <a:buChar char="•"/>
            </a:pPr>
            <a:endParaRPr lang="en-US" sz="1800" dirty="0"/>
          </a:p>
          <a:p>
            <a:pPr marL="174625" indent="-171450">
              <a:lnSpc>
                <a:spcPct val="100000"/>
              </a:lnSpc>
              <a:spcBef>
                <a:spcPts val="600"/>
              </a:spcBef>
              <a:buFont typeface="Arial" panose="020B0604020202020204" pitchFamily="34" charset="0"/>
              <a:buChar char="•"/>
            </a:pPr>
            <a:r>
              <a:rPr lang="en-US" sz="1800" dirty="0"/>
              <a:t>Opportunity to easily include a variety of media types such as videos, quizzes, audio, and text to keep students engaged</a:t>
            </a:r>
          </a:p>
        </p:txBody>
      </p:sp>
      <p:sp>
        <p:nvSpPr>
          <p:cNvPr id="11" name="Content Placeholder 10">
            <a:extLst>
              <a:ext uri="{FF2B5EF4-FFF2-40B4-BE49-F238E27FC236}">
                <a16:creationId xmlns:a16="http://schemas.microsoft.com/office/drawing/2014/main" id="{086BDD96-25E6-4B26-BDEB-9B91106446FF}"/>
              </a:ext>
            </a:extLst>
          </p:cNvPr>
          <p:cNvSpPr txBox="1">
            <a:spLocks/>
          </p:cNvSpPr>
          <p:nvPr/>
        </p:nvSpPr>
        <p:spPr>
          <a:xfrm>
            <a:off x="694944" y="2300226"/>
            <a:ext cx="3191256" cy="4590288"/>
          </a:xfrm>
          <a:prstGeom prst="rect">
            <a:avLst/>
          </a:prstGeom>
        </p:spPr>
        <p:txBody>
          <a:bodyPr vert="horz" wrap="square" lIns="0" tIns="0" rIns="0" bIns="0" rtlCol="0" anchor="t">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mplitudeTF" panose="02000506050000020004" pitchFamily="50"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algn="ctr"/>
            <a:r>
              <a:rPr lang="en-US" sz="2000" dirty="0"/>
              <a:t>Learning for Students or Other Constituents</a:t>
            </a:r>
          </a:p>
        </p:txBody>
      </p:sp>
      <p:sp>
        <p:nvSpPr>
          <p:cNvPr id="13" name="Freeform 107">
            <a:extLst>
              <a:ext uri="{FF2B5EF4-FFF2-40B4-BE49-F238E27FC236}">
                <a16:creationId xmlns:a16="http://schemas.microsoft.com/office/drawing/2014/main" id="{5ED96711-570F-4C26-97CD-F0D7F4EF6680}"/>
              </a:ext>
            </a:extLst>
          </p:cNvPr>
          <p:cNvSpPr>
            <a:spLocks noEditPoints="1"/>
          </p:cNvSpPr>
          <p:nvPr/>
        </p:nvSpPr>
        <p:spPr bwMode="auto">
          <a:xfrm>
            <a:off x="805108" y="3622773"/>
            <a:ext cx="2970928" cy="1945194"/>
          </a:xfrm>
          <a:custGeom>
            <a:avLst/>
            <a:gdLst>
              <a:gd name="T0" fmla="*/ 663 w 1316"/>
              <a:gd name="T1" fmla="*/ 406 h 798"/>
              <a:gd name="T2" fmla="*/ 663 w 1316"/>
              <a:gd name="T3" fmla="*/ 55 h 798"/>
              <a:gd name="T4" fmla="*/ 663 w 1316"/>
              <a:gd name="T5" fmla="*/ 406 h 798"/>
              <a:gd name="T6" fmla="*/ 954 w 1316"/>
              <a:gd name="T7" fmla="*/ 567 h 798"/>
              <a:gd name="T8" fmla="*/ 371 w 1316"/>
              <a:gd name="T9" fmla="*/ 567 h 798"/>
              <a:gd name="T10" fmla="*/ 655 w 1316"/>
              <a:gd name="T11" fmla="*/ 459 h 798"/>
              <a:gd name="T12" fmla="*/ 672 w 1316"/>
              <a:gd name="T13" fmla="*/ 459 h 798"/>
              <a:gd name="T14" fmla="*/ 954 w 1316"/>
              <a:gd name="T15" fmla="*/ 567 h 798"/>
              <a:gd name="T16" fmla="*/ 119 w 1316"/>
              <a:gd name="T17" fmla="*/ 725 h 798"/>
              <a:gd name="T18" fmla="*/ 88 w 1316"/>
              <a:gd name="T19" fmla="*/ 744 h 798"/>
              <a:gd name="T20" fmla="*/ 57 w 1316"/>
              <a:gd name="T21" fmla="*/ 725 h 798"/>
              <a:gd name="T22" fmla="*/ 88 w 1316"/>
              <a:gd name="T23" fmla="*/ 573 h 798"/>
              <a:gd name="T24" fmla="*/ 119 w 1316"/>
              <a:gd name="T25" fmla="*/ 725 h 798"/>
              <a:gd name="T26" fmla="*/ 88 w 1316"/>
              <a:gd name="T27" fmla="*/ 474 h 798"/>
              <a:gd name="T28" fmla="*/ 95 w 1316"/>
              <a:gd name="T29" fmla="*/ 506 h 798"/>
              <a:gd name="T30" fmla="*/ 80 w 1316"/>
              <a:gd name="T31" fmla="*/ 506 h 798"/>
              <a:gd name="T32" fmla="*/ 88 w 1316"/>
              <a:gd name="T33" fmla="*/ 474 h 798"/>
              <a:gd name="T34" fmla="*/ 1297 w 1316"/>
              <a:gd name="T35" fmla="*/ 197 h 798"/>
              <a:gd name="T36" fmla="*/ 655 w 1316"/>
              <a:gd name="T37" fmla="*/ 1 h 798"/>
              <a:gd name="T38" fmla="*/ 10 w 1316"/>
              <a:gd name="T39" fmla="*/ 222 h 798"/>
              <a:gd name="T40" fmla="*/ 59 w 1316"/>
              <a:gd name="T41" fmla="*/ 258 h 798"/>
              <a:gd name="T42" fmla="*/ 18 w 1316"/>
              <a:gd name="T43" fmla="*/ 491 h 798"/>
              <a:gd name="T44" fmla="*/ 7 w 1316"/>
              <a:gd name="T45" fmla="*/ 706 h 798"/>
              <a:gd name="T46" fmla="*/ 88 w 1316"/>
              <a:gd name="T47" fmla="*/ 798 h 798"/>
              <a:gd name="T48" fmla="*/ 168 w 1316"/>
              <a:gd name="T49" fmla="*/ 705 h 798"/>
              <a:gd name="T50" fmla="*/ 158 w 1316"/>
              <a:gd name="T51" fmla="*/ 491 h 798"/>
              <a:gd name="T52" fmla="*/ 112 w 1316"/>
              <a:gd name="T53" fmla="*/ 276 h 798"/>
              <a:gd name="T54" fmla="*/ 318 w 1316"/>
              <a:gd name="T55" fmla="*/ 599 h 798"/>
              <a:gd name="T56" fmla="*/ 353 w 1316"/>
              <a:gd name="T57" fmla="*/ 624 h 798"/>
              <a:gd name="T58" fmla="*/ 663 w 1316"/>
              <a:gd name="T59" fmla="*/ 649 h 798"/>
              <a:gd name="T60" fmla="*/ 972 w 1316"/>
              <a:gd name="T61" fmla="*/ 624 h 798"/>
              <a:gd name="T62" fmla="*/ 1007 w 1316"/>
              <a:gd name="T63" fmla="*/ 599 h 798"/>
              <a:gd name="T64" fmla="*/ 1297 w 1316"/>
              <a:gd name="T65" fmla="*/ 247 h 798"/>
              <a:gd name="T66" fmla="*/ 1297 w 1316"/>
              <a:gd name="T67" fmla="*/ 197 h 7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316" h="798">
                <a:moveTo>
                  <a:pt x="663" y="406"/>
                </a:moveTo>
                <a:lnTo>
                  <a:pt x="663" y="406"/>
                </a:lnTo>
                <a:lnTo>
                  <a:pt x="123" y="223"/>
                </a:lnTo>
                <a:lnTo>
                  <a:pt x="663" y="55"/>
                </a:lnTo>
                <a:lnTo>
                  <a:pt x="1203" y="223"/>
                </a:lnTo>
                <a:lnTo>
                  <a:pt x="663" y="406"/>
                </a:lnTo>
                <a:close/>
                <a:moveTo>
                  <a:pt x="954" y="567"/>
                </a:moveTo>
                <a:lnTo>
                  <a:pt x="954" y="567"/>
                </a:lnTo>
                <a:cubicBezTo>
                  <a:pt x="873" y="559"/>
                  <a:pt x="719" y="572"/>
                  <a:pt x="663" y="593"/>
                </a:cubicBezTo>
                <a:cubicBezTo>
                  <a:pt x="606" y="572"/>
                  <a:pt x="452" y="559"/>
                  <a:pt x="371" y="567"/>
                </a:cubicBezTo>
                <a:lnTo>
                  <a:pt x="371" y="363"/>
                </a:lnTo>
                <a:lnTo>
                  <a:pt x="655" y="459"/>
                </a:lnTo>
                <a:cubicBezTo>
                  <a:pt x="658" y="460"/>
                  <a:pt x="661" y="461"/>
                  <a:pt x="664" y="461"/>
                </a:cubicBezTo>
                <a:cubicBezTo>
                  <a:pt x="666" y="461"/>
                  <a:pt x="669" y="460"/>
                  <a:pt x="672" y="459"/>
                </a:cubicBezTo>
                <a:lnTo>
                  <a:pt x="954" y="364"/>
                </a:lnTo>
                <a:lnTo>
                  <a:pt x="954" y="567"/>
                </a:lnTo>
                <a:close/>
                <a:moveTo>
                  <a:pt x="119" y="725"/>
                </a:moveTo>
                <a:lnTo>
                  <a:pt x="119" y="725"/>
                </a:lnTo>
                <a:cubicBezTo>
                  <a:pt x="119" y="726"/>
                  <a:pt x="119" y="727"/>
                  <a:pt x="119" y="728"/>
                </a:cubicBezTo>
                <a:cubicBezTo>
                  <a:pt x="119" y="734"/>
                  <a:pt x="108" y="744"/>
                  <a:pt x="88" y="744"/>
                </a:cubicBezTo>
                <a:cubicBezTo>
                  <a:pt x="72" y="744"/>
                  <a:pt x="61" y="738"/>
                  <a:pt x="57" y="732"/>
                </a:cubicBezTo>
                <a:cubicBezTo>
                  <a:pt x="56" y="729"/>
                  <a:pt x="56" y="727"/>
                  <a:pt x="57" y="725"/>
                </a:cubicBezTo>
                <a:cubicBezTo>
                  <a:pt x="58" y="723"/>
                  <a:pt x="59" y="721"/>
                  <a:pt x="59" y="719"/>
                </a:cubicBezTo>
                <a:lnTo>
                  <a:pt x="88" y="573"/>
                </a:lnTo>
                <a:lnTo>
                  <a:pt x="116" y="719"/>
                </a:lnTo>
                <a:cubicBezTo>
                  <a:pt x="117" y="721"/>
                  <a:pt x="118" y="723"/>
                  <a:pt x="119" y="725"/>
                </a:cubicBezTo>
                <a:close/>
                <a:moveTo>
                  <a:pt x="88" y="474"/>
                </a:moveTo>
                <a:lnTo>
                  <a:pt x="88" y="474"/>
                </a:lnTo>
                <a:cubicBezTo>
                  <a:pt x="97" y="474"/>
                  <a:pt x="104" y="482"/>
                  <a:pt x="104" y="491"/>
                </a:cubicBezTo>
                <a:cubicBezTo>
                  <a:pt x="104" y="499"/>
                  <a:pt x="99" y="504"/>
                  <a:pt x="95" y="506"/>
                </a:cubicBezTo>
                <a:cubicBezTo>
                  <a:pt x="92" y="507"/>
                  <a:pt x="90" y="509"/>
                  <a:pt x="88" y="511"/>
                </a:cubicBezTo>
                <a:cubicBezTo>
                  <a:pt x="86" y="509"/>
                  <a:pt x="83" y="507"/>
                  <a:pt x="80" y="506"/>
                </a:cubicBezTo>
                <a:cubicBezTo>
                  <a:pt x="75" y="503"/>
                  <a:pt x="71" y="498"/>
                  <a:pt x="71" y="491"/>
                </a:cubicBezTo>
                <a:cubicBezTo>
                  <a:pt x="71" y="482"/>
                  <a:pt x="78" y="474"/>
                  <a:pt x="88" y="474"/>
                </a:cubicBezTo>
                <a:close/>
                <a:moveTo>
                  <a:pt x="1297" y="197"/>
                </a:moveTo>
                <a:lnTo>
                  <a:pt x="1297" y="197"/>
                </a:lnTo>
                <a:lnTo>
                  <a:pt x="671" y="1"/>
                </a:lnTo>
                <a:cubicBezTo>
                  <a:pt x="665" y="0"/>
                  <a:pt x="660" y="0"/>
                  <a:pt x="655" y="1"/>
                </a:cubicBezTo>
                <a:lnTo>
                  <a:pt x="29" y="197"/>
                </a:lnTo>
                <a:cubicBezTo>
                  <a:pt x="17" y="200"/>
                  <a:pt x="10" y="210"/>
                  <a:pt x="10" y="222"/>
                </a:cubicBezTo>
                <a:cubicBezTo>
                  <a:pt x="10" y="233"/>
                  <a:pt x="17" y="244"/>
                  <a:pt x="28" y="247"/>
                </a:cubicBezTo>
                <a:lnTo>
                  <a:pt x="59" y="258"/>
                </a:lnTo>
                <a:lnTo>
                  <a:pt x="59" y="428"/>
                </a:lnTo>
                <a:cubicBezTo>
                  <a:pt x="34" y="439"/>
                  <a:pt x="18" y="463"/>
                  <a:pt x="18" y="491"/>
                </a:cubicBezTo>
                <a:cubicBezTo>
                  <a:pt x="18" y="510"/>
                  <a:pt x="26" y="529"/>
                  <a:pt x="40" y="542"/>
                </a:cubicBezTo>
                <a:lnTo>
                  <a:pt x="7" y="706"/>
                </a:lnTo>
                <a:cubicBezTo>
                  <a:pt x="0" y="724"/>
                  <a:pt x="2" y="743"/>
                  <a:pt x="12" y="760"/>
                </a:cubicBezTo>
                <a:cubicBezTo>
                  <a:pt x="27" y="783"/>
                  <a:pt x="56" y="798"/>
                  <a:pt x="88" y="798"/>
                </a:cubicBezTo>
                <a:cubicBezTo>
                  <a:pt x="135" y="798"/>
                  <a:pt x="173" y="767"/>
                  <a:pt x="173" y="728"/>
                </a:cubicBezTo>
                <a:cubicBezTo>
                  <a:pt x="173" y="720"/>
                  <a:pt x="171" y="713"/>
                  <a:pt x="168" y="705"/>
                </a:cubicBezTo>
                <a:lnTo>
                  <a:pt x="136" y="542"/>
                </a:lnTo>
                <a:cubicBezTo>
                  <a:pt x="149" y="529"/>
                  <a:pt x="158" y="510"/>
                  <a:pt x="158" y="491"/>
                </a:cubicBezTo>
                <a:cubicBezTo>
                  <a:pt x="158" y="461"/>
                  <a:pt x="139" y="436"/>
                  <a:pt x="112" y="426"/>
                </a:cubicBezTo>
                <a:lnTo>
                  <a:pt x="112" y="276"/>
                </a:lnTo>
                <a:lnTo>
                  <a:pt x="318" y="345"/>
                </a:lnTo>
                <a:lnTo>
                  <a:pt x="318" y="599"/>
                </a:lnTo>
                <a:cubicBezTo>
                  <a:pt x="318" y="614"/>
                  <a:pt x="330" y="626"/>
                  <a:pt x="345" y="626"/>
                </a:cubicBezTo>
                <a:cubicBezTo>
                  <a:pt x="348" y="626"/>
                  <a:pt x="350" y="625"/>
                  <a:pt x="353" y="624"/>
                </a:cubicBezTo>
                <a:cubicBezTo>
                  <a:pt x="412" y="606"/>
                  <a:pt x="617" y="628"/>
                  <a:pt x="646" y="643"/>
                </a:cubicBezTo>
                <a:cubicBezTo>
                  <a:pt x="651" y="647"/>
                  <a:pt x="657" y="649"/>
                  <a:pt x="663" y="649"/>
                </a:cubicBezTo>
                <a:cubicBezTo>
                  <a:pt x="669" y="649"/>
                  <a:pt x="675" y="647"/>
                  <a:pt x="679" y="643"/>
                </a:cubicBezTo>
                <a:cubicBezTo>
                  <a:pt x="709" y="628"/>
                  <a:pt x="913" y="606"/>
                  <a:pt x="972" y="624"/>
                </a:cubicBezTo>
                <a:cubicBezTo>
                  <a:pt x="975" y="625"/>
                  <a:pt x="978" y="626"/>
                  <a:pt x="981" y="626"/>
                </a:cubicBezTo>
                <a:cubicBezTo>
                  <a:pt x="996" y="626"/>
                  <a:pt x="1007" y="614"/>
                  <a:pt x="1007" y="599"/>
                </a:cubicBezTo>
                <a:lnTo>
                  <a:pt x="1007" y="346"/>
                </a:lnTo>
                <a:lnTo>
                  <a:pt x="1297" y="247"/>
                </a:lnTo>
                <a:cubicBezTo>
                  <a:pt x="1308" y="244"/>
                  <a:pt x="1316" y="233"/>
                  <a:pt x="1316" y="222"/>
                </a:cubicBezTo>
                <a:cubicBezTo>
                  <a:pt x="1315" y="210"/>
                  <a:pt x="1308" y="200"/>
                  <a:pt x="1297" y="197"/>
                </a:cubicBezTo>
                <a:close/>
              </a:path>
            </a:pathLst>
          </a:custGeom>
          <a:solidFill>
            <a:schemeClr val="accent1"/>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800" dirty="0">
              <a:solidFill>
                <a:schemeClr val="tx2"/>
              </a:solidFill>
            </a:endParaRPr>
          </a:p>
        </p:txBody>
      </p:sp>
      <p:sp>
        <p:nvSpPr>
          <p:cNvPr id="15" name="TextBox 14">
            <a:extLst>
              <a:ext uri="{FF2B5EF4-FFF2-40B4-BE49-F238E27FC236}">
                <a16:creationId xmlns:a16="http://schemas.microsoft.com/office/drawing/2014/main" id="{3373E479-A6BB-4D80-B5B2-9714A4887E6E}"/>
              </a:ext>
            </a:extLst>
          </p:cNvPr>
          <p:cNvSpPr txBox="1"/>
          <p:nvPr/>
        </p:nvSpPr>
        <p:spPr>
          <a:xfrm>
            <a:off x="4526280" y="2197768"/>
            <a:ext cx="9409176" cy="985654"/>
          </a:xfrm>
          <a:prstGeom prst="rect">
            <a:avLst/>
          </a:prstGeom>
          <a:noFill/>
        </p:spPr>
        <p:txBody>
          <a:bodyPr vert="horz" wrap="square" lIns="91440" tIns="45720" rIns="91440" bIns="45720" rtlCol="0" anchor="t">
            <a:spAutoFit/>
          </a:bodyPr>
          <a:lstStyle/>
          <a:p>
            <a:pPr>
              <a:lnSpc>
                <a:spcPct val="110000"/>
              </a:lnSpc>
            </a:pPr>
            <a:r>
              <a:rPr lang="en-US" sz="1800" i="1" dirty="0">
                <a:solidFill>
                  <a:schemeClr val="tx2"/>
                </a:solidFill>
                <a:latin typeface="AmplitudeTF" panose="02000506050000020004" pitchFamily="50" charset="0"/>
              </a:rPr>
              <a:t>Your organization would like to offer your constituents online homeownership education and financial-wellness courses. You are looking for a tool that allows you to integrate summaries, videos, slides, quizzes, assignments, and various other features in a central location.</a:t>
            </a:r>
          </a:p>
        </p:txBody>
      </p:sp>
      <p:sp>
        <p:nvSpPr>
          <p:cNvPr id="16" name="TextBox 15">
            <a:extLst>
              <a:ext uri="{FF2B5EF4-FFF2-40B4-BE49-F238E27FC236}">
                <a16:creationId xmlns:a16="http://schemas.microsoft.com/office/drawing/2014/main" id="{0B003EC7-2914-407F-87B0-DAEC42E7787D}"/>
              </a:ext>
            </a:extLst>
          </p:cNvPr>
          <p:cNvSpPr txBox="1"/>
          <p:nvPr/>
        </p:nvSpPr>
        <p:spPr>
          <a:xfrm>
            <a:off x="4517136" y="3400926"/>
            <a:ext cx="6022527" cy="376257"/>
          </a:xfrm>
          <a:prstGeom prst="rect">
            <a:avLst/>
          </a:prstGeom>
          <a:noFill/>
        </p:spPr>
        <p:txBody>
          <a:bodyPr vert="horz" wrap="square" lIns="91440" tIns="45720" rIns="91440" bIns="45720" rtlCol="0" anchor="t">
            <a:spAutoFit/>
          </a:bodyPr>
          <a:lstStyle/>
          <a:p>
            <a:pPr algn="l">
              <a:lnSpc>
                <a:spcPct val="110000"/>
              </a:lnSpc>
            </a:pPr>
            <a:r>
              <a:rPr lang="en-US" sz="1800" b="1" i="0" dirty="0">
                <a:solidFill>
                  <a:schemeClr val="accent1"/>
                </a:solidFill>
                <a:latin typeface="AmplitudeTF" panose="02000506050000020004" pitchFamily="50" charset="0"/>
              </a:rPr>
              <a:t>LMS Advantages</a:t>
            </a:r>
          </a:p>
        </p:txBody>
      </p:sp>
    </p:spTree>
    <p:custDataLst>
      <p:tags r:id="rId1"/>
    </p:custDataLst>
    <p:extLst>
      <p:ext uri="{BB962C8B-B14F-4D97-AF65-F5344CB8AC3E}">
        <p14:creationId xmlns:p14="http://schemas.microsoft.com/office/powerpoint/2010/main" val="432797726"/>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14BA3529-2309-4057-95A2-63E6AD9168AC}"/>
              </a:ext>
            </a:extLst>
          </p:cNvPr>
          <p:cNvSpPr>
            <a:spLocks noGrp="1"/>
          </p:cNvSpPr>
          <p:nvPr>
            <p:ph type="title"/>
          </p:nvPr>
        </p:nvSpPr>
        <p:spPr/>
        <p:txBody>
          <a:bodyPr/>
          <a:lstStyle/>
          <a:p>
            <a:r>
              <a:rPr lang="en-US" sz="2800" dirty="0"/>
              <a:t>Use Case 2</a:t>
            </a:r>
          </a:p>
        </p:txBody>
      </p:sp>
      <p:sp>
        <p:nvSpPr>
          <p:cNvPr id="10" name="Content Placeholder 9">
            <a:extLst>
              <a:ext uri="{FF2B5EF4-FFF2-40B4-BE49-F238E27FC236}">
                <a16:creationId xmlns:a16="http://schemas.microsoft.com/office/drawing/2014/main" id="{6840AC60-8348-4A09-BF52-8BFE761C2648}"/>
              </a:ext>
            </a:extLst>
          </p:cNvPr>
          <p:cNvSpPr>
            <a:spLocks noGrp="1"/>
          </p:cNvSpPr>
          <p:nvPr>
            <p:ph sz="quarter" idx="12"/>
          </p:nvPr>
        </p:nvSpPr>
        <p:spPr>
          <a:xfrm>
            <a:off x="4526280" y="2183010"/>
            <a:ext cx="9418320" cy="4745736"/>
          </a:xfrm>
        </p:spPr>
        <p:txBody>
          <a:bodyPr/>
          <a:lstStyle/>
          <a:p>
            <a:pPr marL="3175" indent="0"/>
            <a:r>
              <a:rPr lang="en-US" sz="1800" i="1" dirty="0"/>
              <a:t>Your organization relies on hundreds of volunteers that need to be trained to ensure that they understand basic practices on safety and security and additional training is required for each role they may wish to fill. Currently, your volunteers must be trained when they arrive at the volunteer site which significantly reduces the amount of time they have for volunteer work.</a:t>
            </a:r>
          </a:p>
          <a:p>
            <a:pPr marL="3175" indent="0"/>
            <a:endParaRPr lang="en-US" sz="1800" i="1" dirty="0"/>
          </a:p>
          <a:p>
            <a:pPr marL="288925" indent="-285750">
              <a:lnSpc>
                <a:spcPct val="100000"/>
              </a:lnSpc>
              <a:spcBef>
                <a:spcPts val="600"/>
              </a:spcBef>
              <a:buFont typeface="Arial" panose="020B0604020202020204" pitchFamily="34" charset="0"/>
              <a:buChar char="•"/>
            </a:pPr>
            <a:r>
              <a:rPr lang="en-US" sz="1800" dirty="0"/>
              <a:t>Training remotely helps improve efficiency and convenience factors for trainers and trainees</a:t>
            </a:r>
          </a:p>
          <a:p>
            <a:pPr marL="288925" indent="-285750">
              <a:lnSpc>
                <a:spcPct val="100000"/>
              </a:lnSpc>
              <a:spcBef>
                <a:spcPts val="600"/>
              </a:spcBef>
              <a:buFont typeface="Arial" panose="020B0604020202020204" pitchFamily="34" charset="0"/>
              <a:buChar char="•"/>
            </a:pPr>
            <a:endParaRPr lang="en-US" sz="1800" dirty="0"/>
          </a:p>
          <a:p>
            <a:pPr marL="288925" indent="-285750">
              <a:lnSpc>
                <a:spcPct val="100000"/>
              </a:lnSpc>
              <a:spcBef>
                <a:spcPts val="600"/>
              </a:spcBef>
              <a:buFont typeface="Arial" panose="020B0604020202020204" pitchFamily="34" charset="0"/>
              <a:buChar char="•"/>
            </a:pPr>
            <a:r>
              <a:rPr lang="en-US" sz="1800" dirty="0"/>
              <a:t>Policy or procedure changes can easily be made and communicated to users</a:t>
            </a:r>
          </a:p>
          <a:p>
            <a:pPr marL="3175" indent="0">
              <a:lnSpc>
                <a:spcPct val="100000"/>
              </a:lnSpc>
              <a:spcBef>
                <a:spcPts val="600"/>
              </a:spcBef>
            </a:pPr>
            <a:endParaRPr lang="en-US" sz="1800" dirty="0"/>
          </a:p>
          <a:p>
            <a:pPr marL="288925" indent="-285750">
              <a:lnSpc>
                <a:spcPct val="100000"/>
              </a:lnSpc>
              <a:spcBef>
                <a:spcPts val="600"/>
              </a:spcBef>
              <a:buFont typeface="Arial" panose="020B0604020202020204" pitchFamily="34" charset="0"/>
              <a:buChar char="•"/>
            </a:pPr>
            <a:r>
              <a:rPr lang="en-US" sz="1800" dirty="0"/>
              <a:t>Ability to track affirmations and certification for compliance purposes through assignments or assessment tools</a:t>
            </a:r>
          </a:p>
          <a:p>
            <a:pPr marL="288925" indent="-285750">
              <a:lnSpc>
                <a:spcPct val="100000"/>
              </a:lnSpc>
              <a:spcBef>
                <a:spcPts val="600"/>
              </a:spcBef>
              <a:buFont typeface="Arial" panose="020B0604020202020204" pitchFamily="34" charset="0"/>
              <a:buChar char="•"/>
            </a:pPr>
            <a:endParaRPr lang="en-US" sz="1800" dirty="0"/>
          </a:p>
          <a:p>
            <a:pPr marL="288925" indent="-285750">
              <a:lnSpc>
                <a:spcPct val="100000"/>
              </a:lnSpc>
              <a:spcBef>
                <a:spcPts val="600"/>
              </a:spcBef>
              <a:buFont typeface="Arial" panose="020B0604020202020204" pitchFamily="34" charset="0"/>
              <a:buChar char="•"/>
            </a:pPr>
            <a:r>
              <a:rPr lang="en-US" sz="1800" dirty="0"/>
              <a:t>May offer greater flexibility in accommodating employees and volunteers with assistive support needs</a:t>
            </a:r>
            <a:endParaRPr lang="en-US" sz="1800" i="1" dirty="0"/>
          </a:p>
        </p:txBody>
      </p:sp>
      <p:sp>
        <p:nvSpPr>
          <p:cNvPr id="11" name="Content Placeholder 10">
            <a:extLst>
              <a:ext uri="{FF2B5EF4-FFF2-40B4-BE49-F238E27FC236}">
                <a16:creationId xmlns:a16="http://schemas.microsoft.com/office/drawing/2014/main" id="{086BDD96-25E6-4B26-BDEB-9B91106446FF}"/>
              </a:ext>
            </a:extLst>
          </p:cNvPr>
          <p:cNvSpPr txBox="1">
            <a:spLocks/>
          </p:cNvSpPr>
          <p:nvPr/>
        </p:nvSpPr>
        <p:spPr>
          <a:xfrm>
            <a:off x="694944" y="2231136"/>
            <a:ext cx="3191256" cy="4590288"/>
          </a:xfrm>
          <a:prstGeom prst="rect">
            <a:avLst/>
          </a:prstGeom>
        </p:spPr>
        <p:txBody>
          <a:bodyPr vert="horz" wrap="square" lIns="0" tIns="0" rIns="0" bIns="0" rtlCol="0" anchor="t">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mplitudeTF" panose="02000506050000020004" pitchFamily="50"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algn="ctr">
              <a:lnSpc>
                <a:spcPct val="100000"/>
              </a:lnSpc>
              <a:spcBef>
                <a:spcPts val="0"/>
              </a:spcBef>
            </a:pPr>
            <a:r>
              <a:rPr lang="en-US" sz="2000" dirty="0"/>
              <a:t>Training for Employees </a:t>
            </a:r>
          </a:p>
          <a:p>
            <a:pPr algn="ctr">
              <a:lnSpc>
                <a:spcPct val="100000"/>
              </a:lnSpc>
              <a:spcBef>
                <a:spcPts val="0"/>
              </a:spcBef>
            </a:pPr>
            <a:r>
              <a:rPr lang="en-US" sz="2000" dirty="0"/>
              <a:t>or Volunteers</a:t>
            </a:r>
          </a:p>
        </p:txBody>
      </p:sp>
      <p:grpSp>
        <p:nvGrpSpPr>
          <p:cNvPr id="6" name="Group 103">
            <a:extLst>
              <a:ext uri="{FF2B5EF4-FFF2-40B4-BE49-F238E27FC236}">
                <a16:creationId xmlns:a16="http://schemas.microsoft.com/office/drawing/2014/main" id="{8534CE44-0463-4241-ABBE-F86801DE8A80}"/>
              </a:ext>
            </a:extLst>
          </p:cNvPr>
          <p:cNvGrpSpPr>
            <a:grpSpLocks noChangeAspect="1"/>
          </p:cNvGrpSpPr>
          <p:nvPr/>
        </p:nvGrpSpPr>
        <p:grpSpPr bwMode="auto">
          <a:xfrm>
            <a:off x="1238061" y="3473298"/>
            <a:ext cx="2105021" cy="2261411"/>
            <a:chOff x="6354" y="3142"/>
            <a:chExt cx="673" cy="723"/>
          </a:xfrm>
          <a:solidFill>
            <a:schemeClr val="accent1"/>
          </a:solidFill>
        </p:grpSpPr>
        <p:sp>
          <p:nvSpPr>
            <p:cNvPr id="8" name="Freeform 104">
              <a:extLst>
                <a:ext uri="{FF2B5EF4-FFF2-40B4-BE49-F238E27FC236}">
                  <a16:creationId xmlns:a16="http://schemas.microsoft.com/office/drawing/2014/main" id="{C2C68219-EBA6-4CD1-9AE3-AED5DEAC01F6}"/>
                </a:ext>
              </a:extLst>
            </p:cNvPr>
            <p:cNvSpPr>
              <a:spLocks noEditPoints="1"/>
            </p:cNvSpPr>
            <p:nvPr/>
          </p:nvSpPr>
          <p:spPr bwMode="auto">
            <a:xfrm>
              <a:off x="6354" y="3756"/>
              <a:ext cx="183" cy="109"/>
            </a:xfrm>
            <a:custGeom>
              <a:avLst/>
              <a:gdLst>
                <a:gd name="T0" fmla="*/ 256 w 303"/>
                <a:gd name="T1" fmla="*/ 132 h 179"/>
                <a:gd name="T2" fmla="*/ 256 w 303"/>
                <a:gd name="T3" fmla="*/ 132 h 179"/>
                <a:gd name="T4" fmla="*/ 46 w 303"/>
                <a:gd name="T5" fmla="*/ 132 h 179"/>
                <a:gd name="T6" fmla="*/ 46 w 303"/>
                <a:gd name="T7" fmla="*/ 46 h 179"/>
                <a:gd name="T8" fmla="*/ 173 w 303"/>
                <a:gd name="T9" fmla="*/ 46 h 179"/>
                <a:gd name="T10" fmla="*/ 256 w 303"/>
                <a:gd name="T11" fmla="*/ 130 h 179"/>
                <a:gd name="T12" fmla="*/ 256 w 303"/>
                <a:gd name="T13" fmla="*/ 132 h 179"/>
                <a:gd name="T14" fmla="*/ 173 w 303"/>
                <a:gd name="T15" fmla="*/ 0 h 179"/>
                <a:gd name="T16" fmla="*/ 173 w 303"/>
                <a:gd name="T17" fmla="*/ 0 h 179"/>
                <a:gd name="T18" fmla="*/ 23 w 303"/>
                <a:gd name="T19" fmla="*/ 0 h 179"/>
                <a:gd name="T20" fmla="*/ 0 w 303"/>
                <a:gd name="T21" fmla="*/ 23 h 179"/>
                <a:gd name="T22" fmla="*/ 0 w 303"/>
                <a:gd name="T23" fmla="*/ 155 h 179"/>
                <a:gd name="T24" fmla="*/ 23 w 303"/>
                <a:gd name="T25" fmla="*/ 179 h 179"/>
                <a:gd name="T26" fmla="*/ 280 w 303"/>
                <a:gd name="T27" fmla="*/ 179 h 179"/>
                <a:gd name="T28" fmla="*/ 303 w 303"/>
                <a:gd name="T29" fmla="*/ 155 h 179"/>
                <a:gd name="T30" fmla="*/ 303 w 303"/>
                <a:gd name="T31" fmla="*/ 130 h 179"/>
                <a:gd name="T32" fmla="*/ 173 w 303"/>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3" h="179">
                  <a:moveTo>
                    <a:pt x="256" y="132"/>
                  </a:moveTo>
                  <a:lnTo>
                    <a:pt x="256" y="132"/>
                  </a:lnTo>
                  <a:lnTo>
                    <a:pt x="46" y="132"/>
                  </a:lnTo>
                  <a:lnTo>
                    <a:pt x="46" y="46"/>
                  </a:lnTo>
                  <a:lnTo>
                    <a:pt x="173" y="46"/>
                  </a:lnTo>
                  <a:cubicBezTo>
                    <a:pt x="219" y="46"/>
                    <a:pt x="256" y="84"/>
                    <a:pt x="256" y="130"/>
                  </a:cubicBezTo>
                  <a:lnTo>
                    <a:pt x="256" y="132"/>
                  </a:lnTo>
                  <a:close/>
                  <a:moveTo>
                    <a:pt x="173" y="0"/>
                  </a:moveTo>
                  <a:lnTo>
                    <a:pt x="173" y="0"/>
                  </a:lnTo>
                  <a:lnTo>
                    <a:pt x="23" y="0"/>
                  </a:lnTo>
                  <a:cubicBezTo>
                    <a:pt x="10" y="0"/>
                    <a:pt x="0" y="10"/>
                    <a:pt x="0" y="23"/>
                  </a:cubicBezTo>
                  <a:lnTo>
                    <a:pt x="0" y="155"/>
                  </a:lnTo>
                  <a:cubicBezTo>
                    <a:pt x="0" y="168"/>
                    <a:pt x="10" y="179"/>
                    <a:pt x="23" y="179"/>
                  </a:cubicBezTo>
                  <a:lnTo>
                    <a:pt x="280" y="179"/>
                  </a:lnTo>
                  <a:cubicBezTo>
                    <a:pt x="293" y="179"/>
                    <a:pt x="303" y="168"/>
                    <a:pt x="303" y="155"/>
                  </a:cubicBezTo>
                  <a:lnTo>
                    <a:pt x="303" y="130"/>
                  </a:lnTo>
                  <a:cubicBezTo>
                    <a:pt x="303" y="58"/>
                    <a:pt x="245" y="0"/>
                    <a:pt x="173"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9" name="Freeform 105">
              <a:extLst>
                <a:ext uri="{FF2B5EF4-FFF2-40B4-BE49-F238E27FC236}">
                  <a16:creationId xmlns:a16="http://schemas.microsoft.com/office/drawing/2014/main" id="{3EE74695-8318-45C8-B83F-CFF4FD2E84AE}"/>
                </a:ext>
              </a:extLst>
            </p:cNvPr>
            <p:cNvSpPr>
              <a:spLocks noEditPoints="1"/>
            </p:cNvSpPr>
            <p:nvPr/>
          </p:nvSpPr>
          <p:spPr bwMode="auto">
            <a:xfrm>
              <a:off x="6354" y="3614"/>
              <a:ext cx="129" cy="129"/>
            </a:xfrm>
            <a:custGeom>
              <a:avLst/>
              <a:gdLst>
                <a:gd name="T0" fmla="*/ 106 w 213"/>
                <a:gd name="T1" fmla="*/ 46 h 213"/>
                <a:gd name="T2" fmla="*/ 106 w 213"/>
                <a:gd name="T3" fmla="*/ 46 h 213"/>
                <a:gd name="T4" fmla="*/ 166 w 213"/>
                <a:gd name="T5" fmla="*/ 106 h 213"/>
                <a:gd name="T6" fmla="*/ 106 w 213"/>
                <a:gd name="T7" fmla="*/ 166 h 213"/>
                <a:gd name="T8" fmla="*/ 46 w 213"/>
                <a:gd name="T9" fmla="*/ 106 h 213"/>
                <a:gd name="T10" fmla="*/ 106 w 213"/>
                <a:gd name="T11" fmla="*/ 46 h 213"/>
                <a:gd name="T12" fmla="*/ 106 w 213"/>
                <a:gd name="T13" fmla="*/ 213 h 213"/>
                <a:gd name="T14" fmla="*/ 106 w 213"/>
                <a:gd name="T15" fmla="*/ 213 h 213"/>
                <a:gd name="T16" fmla="*/ 213 w 213"/>
                <a:gd name="T17" fmla="*/ 106 h 213"/>
                <a:gd name="T18" fmla="*/ 106 w 213"/>
                <a:gd name="T19" fmla="*/ 0 h 213"/>
                <a:gd name="T20" fmla="*/ 0 w 213"/>
                <a:gd name="T21" fmla="*/ 106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6"/>
                  </a:moveTo>
                  <a:lnTo>
                    <a:pt x="106" y="46"/>
                  </a:lnTo>
                  <a:cubicBezTo>
                    <a:pt x="139" y="46"/>
                    <a:pt x="166" y="73"/>
                    <a:pt x="166" y="106"/>
                  </a:cubicBezTo>
                  <a:cubicBezTo>
                    <a:pt x="166" y="139"/>
                    <a:pt x="139" y="166"/>
                    <a:pt x="106" y="166"/>
                  </a:cubicBezTo>
                  <a:cubicBezTo>
                    <a:pt x="73" y="166"/>
                    <a:pt x="46" y="139"/>
                    <a:pt x="46" y="106"/>
                  </a:cubicBezTo>
                  <a:cubicBezTo>
                    <a:pt x="46" y="73"/>
                    <a:pt x="73" y="46"/>
                    <a:pt x="106" y="46"/>
                  </a:cubicBezTo>
                  <a:close/>
                  <a:moveTo>
                    <a:pt x="106" y="213"/>
                  </a:moveTo>
                  <a:lnTo>
                    <a:pt x="106" y="213"/>
                  </a:lnTo>
                  <a:cubicBezTo>
                    <a:pt x="165" y="213"/>
                    <a:pt x="213" y="165"/>
                    <a:pt x="213" y="106"/>
                  </a:cubicBezTo>
                  <a:cubicBezTo>
                    <a:pt x="213" y="48"/>
                    <a:pt x="165" y="0"/>
                    <a:pt x="106" y="0"/>
                  </a:cubicBezTo>
                  <a:cubicBezTo>
                    <a:pt x="47" y="0"/>
                    <a:pt x="0" y="48"/>
                    <a:pt x="0" y="106"/>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12" name="Freeform 106">
              <a:extLst>
                <a:ext uri="{FF2B5EF4-FFF2-40B4-BE49-F238E27FC236}">
                  <a16:creationId xmlns:a16="http://schemas.microsoft.com/office/drawing/2014/main" id="{ABBC60F5-7EB1-4912-9F50-5D70CBE23ED6}"/>
                </a:ext>
              </a:extLst>
            </p:cNvPr>
            <p:cNvSpPr>
              <a:spLocks noEditPoints="1"/>
            </p:cNvSpPr>
            <p:nvPr/>
          </p:nvSpPr>
          <p:spPr bwMode="auto">
            <a:xfrm>
              <a:off x="6552"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1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1" y="179"/>
                  </a:lnTo>
                  <a:cubicBezTo>
                    <a:pt x="293" y="179"/>
                    <a:pt x="304" y="168"/>
                    <a:pt x="304" y="155"/>
                  </a:cubicBezTo>
                  <a:lnTo>
                    <a:pt x="304" y="130"/>
                  </a:lnTo>
                  <a:cubicBezTo>
                    <a:pt x="304" y="58"/>
                    <a:pt x="246"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14" name="Freeform 107">
              <a:extLst>
                <a:ext uri="{FF2B5EF4-FFF2-40B4-BE49-F238E27FC236}">
                  <a16:creationId xmlns:a16="http://schemas.microsoft.com/office/drawing/2014/main" id="{C2D8D1C9-1C87-4B51-894C-7B38B1ACE5B6}"/>
                </a:ext>
              </a:extLst>
            </p:cNvPr>
            <p:cNvSpPr>
              <a:spLocks noEditPoints="1"/>
            </p:cNvSpPr>
            <p:nvPr/>
          </p:nvSpPr>
          <p:spPr bwMode="auto">
            <a:xfrm>
              <a:off x="6552" y="3614"/>
              <a:ext cx="130"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15" name="Freeform 108">
              <a:extLst>
                <a:ext uri="{FF2B5EF4-FFF2-40B4-BE49-F238E27FC236}">
                  <a16:creationId xmlns:a16="http://schemas.microsoft.com/office/drawing/2014/main" id="{A2A2D9F0-25D6-4CF0-A56C-C70F913C0267}"/>
                </a:ext>
              </a:extLst>
            </p:cNvPr>
            <p:cNvSpPr>
              <a:spLocks noEditPoints="1"/>
            </p:cNvSpPr>
            <p:nvPr/>
          </p:nvSpPr>
          <p:spPr bwMode="auto">
            <a:xfrm>
              <a:off x="6751" y="3756"/>
              <a:ext cx="184" cy="108"/>
            </a:xfrm>
            <a:custGeom>
              <a:avLst/>
              <a:gdLst>
                <a:gd name="T0" fmla="*/ 257 w 304"/>
                <a:gd name="T1" fmla="*/ 132 h 179"/>
                <a:gd name="T2" fmla="*/ 257 w 304"/>
                <a:gd name="T3" fmla="*/ 132 h 179"/>
                <a:gd name="T4" fmla="*/ 47 w 304"/>
                <a:gd name="T5" fmla="*/ 132 h 179"/>
                <a:gd name="T6" fmla="*/ 47 w 304"/>
                <a:gd name="T7" fmla="*/ 46 h 179"/>
                <a:gd name="T8" fmla="*/ 174 w 304"/>
                <a:gd name="T9" fmla="*/ 46 h 179"/>
                <a:gd name="T10" fmla="*/ 257 w 304"/>
                <a:gd name="T11" fmla="*/ 130 h 179"/>
                <a:gd name="T12" fmla="*/ 257 w 304"/>
                <a:gd name="T13" fmla="*/ 132 h 179"/>
                <a:gd name="T14" fmla="*/ 174 w 304"/>
                <a:gd name="T15" fmla="*/ 0 h 179"/>
                <a:gd name="T16" fmla="*/ 174 w 304"/>
                <a:gd name="T17" fmla="*/ 0 h 179"/>
                <a:gd name="T18" fmla="*/ 24 w 304"/>
                <a:gd name="T19" fmla="*/ 0 h 179"/>
                <a:gd name="T20" fmla="*/ 0 w 304"/>
                <a:gd name="T21" fmla="*/ 23 h 179"/>
                <a:gd name="T22" fmla="*/ 0 w 304"/>
                <a:gd name="T23" fmla="*/ 155 h 179"/>
                <a:gd name="T24" fmla="*/ 24 w 304"/>
                <a:gd name="T25" fmla="*/ 179 h 179"/>
                <a:gd name="T26" fmla="*/ 280 w 304"/>
                <a:gd name="T27" fmla="*/ 179 h 179"/>
                <a:gd name="T28" fmla="*/ 304 w 304"/>
                <a:gd name="T29" fmla="*/ 155 h 179"/>
                <a:gd name="T30" fmla="*/ 304 w 304"/>
                <a:gd name="T31" fmla="*/ 130 h 179"/>
                <a:gd name="T32" fmla="*/ 174 w 304"/>
                <a:gd name="T33" fmla="*/ 0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04" h="179">
                  <a:moveTo>
                    <a:pt x="257" y="132"/>
                  </a:moveTo>
                  <a:lnTo>
                    <a:pt x="257" y="132"/>
                  </a:lnTo>
                  <a:lnTo>
                    <a:pt x="47" y="132"/>
                  </a:lnTo>
                  <a:lnTo>
                    <a:pt x="47" y="46"/>
                  </a:lnTo>
                  <a:lnTo>
                    <a:pt x="174" y="46"/>
                  </a:lnTo>
                  <a:cubicBezTo>
                    <a:pt x="220" y="46"/>
                    <a:pt x="257" y="84"/>
                    <a:pt x="257" y="130"/>
                  </a:cubicBezTo>
                  <a:lnTo>
                    <a:pt x="257" y="132"/>
                  </a:lnTo>
                  <a:close/>
                  <a:moveTo>
                    <a:pt x="174" y="0"/>
                  </a:moveTo>
                  <a:lnTo>
                    <a:pt x="174" y="0"/>
                  </a:lnTo>
                  <a:lnTo>
                    <a:pt x="24" y="0"/>
                  </a:lnTo>
                  <a:cubicBezTo>
                    <a:pt x="11" y="0"/>
                    <a:pt x="0" y="10"/>
                    <a:pt x="0" y="23"/>
                  </a:cubicBezTo>
                  <a:lnTo>
                    <a:pt x="0" y="155"/>
                  </a:lnTo>
                  <a:cubicBezTo>
                    <a:pt x="0" y="168"/>
                    <a:pt x="11" y="179"/>
                    <a:pt x="24" y="179"/>
                  </a:cubicBezTo>
                  <a:lnTo>
                    <a:pt x="280" y="179"/>
                  </a:lnTo>
                  <a:cubicBezTo>
                    <a:pt x="293" y="179"/>
                    <a:pt x="304" y="168"/>
                    <a:pt x="304" y="155"/>
                  </a:cubicBezTo>
                  <a:lnTo>
                    <a:pt x="304" y="130"/>
                  </a:lnTo>
                  <a:cubicBezTo>
                    <a:pt x="304" y="58"/>
                    <a:pt x="245" y="0"/>
                    <a:pt x="174"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16" name="Freeform 109">
              <a:extLst>
                <a:ext uri="{FF2B5EF4-FFF2-40B4-BE49-F238E27FC236}">
                  <a16:creationId xmlns:a16="http://schemas.microsoft.com/office/drawing/2014/main" id="{B97EABFE-4C10-4674-9E04-A0EDE3CB3A88}"/>
                </a:ext>
              </a:extLst>
            </p:cNvPr>
            <p:cNvSpPr>
              <a:spLocks noEditPoints="1"/>
            </p:cNvSpPr>
            <p:nvPr/>
          </p:nvSpPr>
          <p:spPr bwMode="auto">
            <a:xfrm>
              <a:off x="6751" y="3614"/>
              <a:ext cx="129" cy="129"/>
            </a:xfrm>
            <a:custGeom>
              <a:avLst/>
              <a:gdLst>
                <a:gd name="T0" fmla="*/ 107 w 214"/>
                <a:gd name="T1" fmla="*/ 46 h 213"/>
                <a:gd name="T2" fmla="*/ 107 w 214"/>
                <a:gd name="T3" fmla="*/ 46 h 213"/>
                <a:gd name="T4" fmla="*/ 167 w 214"/>
                <a:gd name="T5" fmla="*/ 106 h 213"/>
                <a:gd name="T6" fmla="*/ 107 w 214"/>
                <a:gd name="T7" fmla="*/ 166 h 213"/>
                <a:gd name="T8" fmla="*/ 47 w 214"/>
                <a:gd name="T9" fmla="*/ 106 h 213"/>
                <a:gd name="T10" fmla="*/ 107 w 214"/>
                <a:gd name="T11" fmla="*/ 46 h 213"/>
                <a:gd name="T12" fmla="*/ 107 w 214"/>
                <a:gd name="T13" fmla="*/ 213 h 213"/>
                <a:gd name="T14" fmla="*/ 107 w 214"/>
                <a:gd name="T15" fmla="*/ 213 h 213"/>
                <a:gd name="T16" fmla="*/ 214 w 214"/>
                <a:gd name="T17" fmla="*/ 106 h 213"/>
                <a:gd name="T18" fmla="*/ 107 w 214"/>
                <a:gd name="T19" fmla="*/ 0 h 213"/>
                <a:gd name="T20" fmla="*/ 0 w 214"/>
                <a:gd name="T21" fmla="*/ 106 h 213"/>
                <a:gd name="T22" fmla="*/ 107 w 214"/>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4" h="213">
                  <a:moveTo>
                    <a:pt x="107" y="46"/>
                  </a:moveTo>
                  <a:lnTo>
                    <a:pt x="107" y="46"/>
                  </a:lnTo>
                  <a:cubicBezTo>
                    <a:pt x="140" y="46"/>
                    <a:pt x="167" y="73"/>
                    <a:pt x="167" y="106"/>
                  </a:cubicBezTo>
                  <a:cubicBezTo>
                    <a:pt x="167" y="139"/>
                    <a:pt x="140" y="166"/>
                    <a:pt x="107" y="166"/>
                  </a:cubicBezTo>
                  <a:cubicBezTo>
                    <a:pt x="74" y="166"/>
                    <a:pt x="47" y="139"/>
                    <a:pt x="47" y="106"/>
                  </a:cubicBezTo>
                  <a:cubicBezTo>
                    <a:pt x="47" y="73"/>
                    <a:pt x="74" y="46"/>
                    <a:pt x="107" y="46"/>
                  </a:cubicBezTo>
                  <a:close/>
                  <a:moveTo>
                    <a:pt x="107" y="213"/>
                  </a:moveTo>
                  <a:lnTo>
                    <a:pt x="107" y="213"/>
                  </a:lnTo>
                  <a:cubicBezTo>
                    <a:pt x="166" y="213"/>
                    <a:pt x="214" y="165"/>
                    <a:pt x="214" y="106"/>
                  </a:cubicBezTo>
                  <a:cubicBezTo>
                    <a:pt x="214" y="48"/>
                    <a:pt x="166" y="0"/>
                    <a:pt x="107" y="0"/>
                  </a:cubicBezTo>
                  <a:cubicBezTo>
                    <a:pt x="48" y="0"/>
                    <a:pt x="0" y="48"/>
                    <a:pt x="0" y="106"/>
                  </a:cubicBezTo>
                  <a:cubicBezTo>
                    <a:pt x="0" y="165"/>
                    <a:pt x="48" y="213"/>
                    <a:pt x="107"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17" name="Freeform 110">
              <a:extLst>
                <a:ext uri="{FF2B5EF4-FFF2-40B4-BE49-F238E27FC236}">
                  <a16:creationId xmlns:a16="http://schemas.microsoft.com/office/drawing/2014/main" id="{3B3C729A-8038-4C83-BE6B-7DEFA06C511B}"/>
                </a:ext>
              </a:extLst>
            </p:cNvPr>
            <p:cNvSpPr>
              <a:spLocks noEditPoints="1"/>
            </p:cNvSpPr>
            <p:nvPr/>
          </p:nvSpPr>
          <p:spPr bwMode="auto">
            <a:xfrm>
              <a:off x="6381" y="3223"/>
              <a:ext cx="129" cy="128"/>
            </a:xfrm>
            <a:custGeom>
              <a:avLst/>
              <a:gdLst>
                <a:gd name="T0" fmla="*/ 106 w 213"/>
                <a:gd name="T1" fmla="*/ 47 h 213"/>
                <a:gd name="T2" fmla="*/ 106 w 213"/>
                <a:gd name="T3" fmla="*/ 47 h 213"/>
                <a:gd name="T4" fmla="*/ 166 w 213"/>
                <a:gd name="T5" fmla="*/ 107 h 213"/>
                <a:gd name="T6" fmla="*/ 106 w 213"/>
                <a:gd name="T7" fmla="*/ 167 h 213"/>
                <a:gd name="T8" fmla="*/ 46 w 213"/>
                <a:gd name="T9" fmla="*/ 107 h 213"/>
                <a:gd name="T10" fmla="*/ 106 w 213"/>
                <a:gd name="T11" fmla="*/ 47 h 213"/>
                <a:gd name="T12" fmla="*/ 106 w 213"/>
                <a:gd name="T13" fmla="*/ 213 h 213"/>
                <a:gd name="T14" fmla="*/ 106 w 213"/>
                <a:gd name="T15" fmla="*/ 213 h 213"/>
                <a:gd name="T16" fmla="*/ 213 w 213"/>
                <a:gd name="T17" fmla="*/ 107 h 213"/>
                <a:gd name="T18" fmla="*/ 106 w 213"/>
                <a:gd name="T19" fmla="*/ 0 h 213"/>
                <a:gd name="T20" fmla="*/ 0 w 213"/>
                <a:gd name="T21" fmla="*/ 107 h 213"/>
                <a:gd name="T22" fmla="*/ 106 w 213"/>
                <a:gd name="T23" fmla="*/ 213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13" h="213">
                  <a:moveTo>
                    <a:pt x="106" y="47"/>
                  </a:moveTo>
                  <a:lnTo>
                    <a:pt x="106" y="47"/>
                  </a:lnTo>
                  <a:cubicBezTo>
                    <a:pt x="139" y="47"/>
                    <a:pt x="166" y="74"/>
                    <a:pt x="166" y="107"/>
                  </a:cubicBezTo>
                  <a:cubicBezTo>
                    <a:pt x="166" y="140"/>
                    <a:pt x="139" y="167"/>
                    <a:pt x="106" y="167"/>
                  </a:cubicBezTo>
                  <a:cubicBezTo>
                    <a:pt x="73" y="167"/>
                    <a:pt x="46" y="140"/>
                    <a:pt x="46" y="107"/>
                  </a:cubicBezTo>
                  <a:cubicBezTo>
                    <a:pt x="46" y="74"/>
                    <a:pt x="73" y="47"/>
                    <a:pt x="106" y="47"/>
                  </a:cubicBezTo>
                  <a:close/>
                  <a:moveTo>
                    <a:pt x="106" y="213"/>
                  </a:moveTo>
                  <a:lnTo>
                    <a:pt x="106" y="213"/>
                  </a:lnTo>
                  <a:cubicBezTo>
                    <a:pt x="165" y="213"/>
                    <a:pt x="213" y="165"/>
                    <a:pt x="213" y="107"/>
                  </a:cubicBezTo>
                  <a:cubicBezTo>
                    <a:pt x="213" y="48"/>
                    <a:pt x="165" y="0"/>
                    <a:pt x="106" y="0"/>
                  </a:cubicBezTo>
                  <a:cubicBezTo>
                    <a:pt x="47" y="0"/>
                    <a:pt x="0" y="48"/>
                    <a:pt x="0" y="107"/>
                  </a:cubicBezTo>
                  <a:cubicBezTo>
                    <a:pt x="0" y="165"/>
                    <a:pt x="47" y="213"/>
                    <a:pt x="106" y="213"/>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sp>
          <p:nvSpPr>
            <p:cNvPr id="18" name="Freeform 111">
              <a:extLst>
                <a:ext uri="{FF2B5EF4-FFF2-40B4-BE49-F238E27FC236}">
                  <a16:creationId xmlns:a16="http://schemas.microsoft.com/office/drawing/2014/main" id="{F1E0396D-B209-4C23-AA67-4F5BCBEA01C1}"/>
                </a:ext>
              </a:extLst>
            </p:cNvPr>
            <p:cNvSpPr>
              <a:spLocks noEditPoints="1"/>
            </p:cNvSpPr>
            <p:nvPr/>
          </p:nvSpPr>
          <p:spPr bwMode="auto">
            <a:xfrm>
              <a:off x="6354" y="3142"/>
              <a:ext cx="673" cy="439"/>
            </a:xfrm>
            <a:custGeom>
              <a:avLst/>
              <a:gdLst>
                <a:gd name="T0" fmla="*/ 1067 w 1113"/>
                <a:gd name="T1" fmla="*/ 575 h 727"/>
                <a:gd name="T2" fmla="*/ 1067 w 1113"/>
                <a:gd name="T3" fmla="*/ 575 h 727"/>
                <a:gd name="T4" fmla="*/ 969 w 1113"/>
                <a:gd name="T5" fmla="*/ 575 h 727"/>
                <a:gd name="T6" fmla="*/ 888 w 1113"/>
                <a:gd name="T7" fmla="*/ 506 h 727"/>
                <a:gd name="T8" fmla="*/ 823 w 1113"/>
                <a:gd name="T9" fmla="*/ 506 h 727"/>
                <a:gd name="T10" fmla="*/ 742 w 1113"/>
                <a:gd name="T11" fmla="*/ 575 h 727"/>
                <a:gd name="T12" fmla="*/ 405 w 1113"/>
                <a:gd name="T13" fmla="*/ 575 h 727"/>
                <a:gd name="T14" fmla="*/ 405 w 1113"/>
                <a:gd name="T15" fmla="*/ 516 h 727"/>
                <a:gd name="T16" fmla="*/ 502 w 1113"/>
                <a:gd name="T17" fmla="*/ 516 h 727"/>
                <a:gd name="T18" fmla="*/ 578 w 1113"/>
                <a:gd name="T19" fmla="*/ 441 h 727"/>
                <a:gd name="T20" fmla="*/ 575 w 1113"/>
                <a:gd name="T21" fmla="*/ 421 h 727"/>
                <a:gd name="T22" fmla="*/ 746 w 1113"/>
                <a:gd name="T23" fmla="*/ 251 h 727"/>
                <a:gd name="T24" fmla="*/ 746 w 1113"/>
                <a:gd name="T25" fmla="*/ 168 h 727"/>
                <a:gd name="T26" fmla="*/ 704 w 1113"/>
                <a:gd name="T27" fmla="*/ 150 h 727"/>
                <a:gd name="T28" fmla="*/ 662 w 1113"/>
                <a:gd name="T29" fmla="*/ 167 h 727"/>
                <a:gd name="T30" fmla="*/ 464 w 1113"/>
                <a:gd name="T31" fmla="*/ 365 h 727"/>
                <a:gd name="T32" fmla="*/ 405 w 1113"/>
                <a:gd name="T33" fmla="*/ 365 h 727"/>
                <a:gd name="T34" fmla="*/ 405 w 1113"/>
                <a:gd name="T35" fmla="*/ 46 h 727"/>
                <a:gd name="T36" fmla="*/ 1067 w 1113"/>
                <a:gd name="T37" fmla="*/ 46 h 727"/>
                <a:gd name="T38" fmla="*/ 1067 w 1113"/>
                <a:gd name="T39" fmla="*/ 575 h 727"/>
                <a:gd name="T40" fmla="*/ 280 w 1113"/>
                <a:gd name="T41" fmla="*/ 470 h 727"/>
                <a:gd name="T42" fmla="*/ 280 w 1113"/>
                <a:gd name="T43" fmla="*/ 470 h 727"/>
                <a:gd name="T44" fmla="*/ 256 w 1113"/>
                <a:gd name="T45" fmla="*/ 493 h 727"/>
                <a:gd name="T46" fmla="*/ 256 w 1113"/>
                <a:gd name="T47" fmla="*/ 681 h 727"/>
                <a:gd name="T48" fmla="*/ 46 w 1113"/>
                <a:gd name="T49" fmla="*/ 681 h 727"/>
                <a:gd name="T50" fmla="*/ 46 w 1113"/>
                <a:gd name="T51" fmla="*/ 491 h 727"/>
                <a:gd name="T52" fmla="*/ 125 w 1113"/>
                <a:gd name="T53" fmla="*/ 412 h 727"/>
                <a:gd name="T54" fmla="*/ 474 w 1113"/>
                <a:gd name="T55" fmla="*/ 412 h 727"/>
                <a:gd name="T56" fmla="*/ 490 w 1113"/>
                <a:gd name="T57" fmla="*/ 405 h 727"/>
                <a:gd name="T58" fmla="*/ 695 w 1113"/>
                <a:gd name="T59" fmla="*/ 200 h 727"/>
                <a:gd name="T60" fmla="*/ 713 w 1113"/>
                <a:gd name="T61" fmla="*/ 201 h 727"/>
                <a:gd name="T62" fmla="*/ 713 w 1113"/>
                <a:gd name="T63" fmla="*/ 218 h 727"/>
                <a:gd name="T64" fmla="*/ 531 w 1113"/>
                <a:gd name="T65" fmla="*/ 399 h 727"/>
                <a:gd name="T66" fmla="*/ 527 w 1113"/>
                <a:gd name="T67" fmla="*/ 427 h 727"/>
                <a:gd name="T68" fmla="*/ 531 w 1113"/>
                <a:gd name="T69" fmla="*/ 441 h 727"/>
                <a:gd name="T70" fmla="*/ 502 w 1113"/>
                <a:gd name="T71" fmla="*/ 470 h 727"/>
                <a:gd name="T72" fmla="*/ 280 w 1113"/>
                <a:gd name="T73" fmla="*/ 470 h 727"/>
                <a:gd name="T74" fmla="*/ 1081 w 1113"/>
                <a:gd name="T75" fmla="*/ 0 h 727"/>
                <a:gd name="T76" fmla="*/ 1081 w 1113"/>
                <a:gd name="T77" fmla="*/ 0 h 727"/>
                <a:gd name="T78" fmla="*/ 391 w 1113"/>
                <a:gd name="T79" fmla="*/ 0 h 727"/>
                <a:gd name="T80" fmla="*/ 358 w 1113"/>
                <a:gd name="T81" fmla="*/ 32 h 727"/>
                <a:gd name="T82" fmla="*/ 358 w 1113"/>
                <a:gd name="T83" fmla="*/ 365 h 727"/>
                <a:gd name="T84" fmla="*/ 125 w 1113"/>
                <a:gd name="T85" fmla="*/ 365 h 727"/>
                <a:gd name="T86" fmla="*/ 0 w 1113"/>
                <a:gd name="T87" fmla="*/ 491 h 727"/>
                <a:gd name="T88" fmla="*/ 0 w 1113"/>
                <a:gd name="T89" fmla="*/ 704 h 727"/>
                <a:gd name="T90" fmla="*/ 23 w 1113"/>
                <a:gd name="T91" fmla="*/ 727 h 727"/>
                <a:gd name="T92" fmla="*/ 280 w 1113"/>
                <a:gd name="T93" fmla="*/ 727 h 727"/>
                <a:gd name="T94" fmla="*/ 303 w 1113"/>
                <a:gd name="T95" fmla="*/ 704 h 727"/>
                <a:gd name="T96" fmla="*/ 303 w 1113"/>
                <a:gd name="T97" fmla="*/ 516 h 727"/>
                <a:gd name="T98" fmla="*/ 358 w 1113"/>
                <a:gd name="T99" fmla="*/ 516 h 727"/>
                <a:gd name="T100" fmla="*/ 358 w 1113"/>
                <a:gd name="T101" fmla="*/ 589 h 727"/>
                <a:gd name="T102" fmla="*/ 391 w 1113"/>
                <a:gd name="T103" fmla="*/ 622 h 727"/>
                <a:gd name="T104" fmla="*/ 755 w 1113"/>
                <a:gd name="T105" fmla="*/ 622 h 727"/>
                <a:gd name="T106" fmla="*/ 787 w 1113"/>
                <a:gd name="T107" fmla="*/ 589 h 727"/>
                <a:gd name="T108" fmla="*/ 823 w 1113"/>
                <a:gd name="T109" fmla="*/ 553 h 727"/>
                <a:gd name="T110" fmla="*/ 888 w 1113"/>
                <a:gd name="T111" fmla="*/ 553 h 727"/>
                <a:gd name="T112" fmla="*/ 924 w 1113"/>
                <a:gd name="T113" fmla="*/ 589 h 727"/>
                <a:gd name="T114" fmla="*/ 956 w 1113"/>
                <a:gd name="T115" fmla="*/ 622 h 727"/>
                <a:gd name="T116" fmla="*/ 1081 w 1113"/>
                <a:gd name="T117" fmla="*/ 622 h 727"/>
                <a:gd name="T118" fmla="*/ 1113 w 1113"/>
                <a:gd name="T119" fmla="*/ 589 h 727"/>
                <a:gd name="T120" fmla="*/ 1113 w 1113"/>
                <a:gd name="T121" fmla="*/ 32 h 727"/>
                <a:gd name="T122" fmla="*/ 1081 w 1113"/>
                <a:gd name="T123" fmla="*/ 0 h 7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113" h="727">
                  <a:moveTo>
                    <a:pt x="1067" y="575"/>
                  </a:moveTo>
                  <a:lnTo>
                    <a:pt x="1067" y="575"/>
                  </a:lnTo>
                  <a:lnTo>
                    <a:pt x="969" y="575"/>
                  </a:lnTo>
                  <a:cubicBezTo>
                    <a:pt x="962" y="536"/>
                    <a:pt x="928" y="506"/>
                    <a:pt x="888" y="506"/>
                  </a:cubicBezTo>
                  <a:lnTo>
                    <a:pt x="823" y="506"/>
                  </a:lnTo>
                  <a:cubicBezTo>
                    <a:pt x="782" y="506"/>
                    <a:pt x="748" y="536"/>
                    <a:pt x="742" y="575"/>
                  </a:cubicBezTo>
                  <a:lnTo>
                    <a:pt x="405" y="575"/>
                  </a:lnTo>
                  <a:lnTo>
                    <a:pt x="405" y="516"/>
                  </a:lnTo>
                  <a:lnTo>
                    <a:pt x="502" y="516"/>
                  </a:lnTo>
                  <a:cubicBezTo>
                    <a:pt x="544" y="516"/>
                    <a:pt x="578" y="482"/>
                    <a:pt x="578" y="441"/>
                  </a:cubicBezTo>
                  <a:cubicBezTo>
                    <a:pt x="578" y="434"/>
                    <a:pt x="577" y="428"/>
                    <a:pt x="575" y="421"/>
                  </a:cubicBezTo>
                  <a:lnTo>
                    <a:pt x="746" y="251"/>
                  </a:lnTo>
                  <a:cubicBezTo>
                    <a:pt x="769" y="228"/>
                    <a:pt x="769" y="191"/>
                    <a:pt x="746" y="168"/>
                  </a:cubicBezTo>
                  <a:cubicBezTo>
                    <a:pt x="735" y="156"/>
                    <a:pt x="720" y="150"/>
                    <a:pt x="704" y="150"/>
                  </a:cubicBezTo>
                  <a:cubicBezTo>
                    <a:pt x="688" y="150"/>
                    <a:pt x="673" y="156"/>
                    <a:pt x="662" y="167"/>
                  </a:cubicBezTo>
                  <a:lnTo>
                    <a:pt x="464" y="365"/>
                  </a:lnTo>
                  <a:lnTo>
                    <a:pt x="405" y="365"/>
                  </a:lnTo>
                  <a:lnTo>
                    <a:pt x="405" y="46"/>
                  </a:lnTo>
                  <a:lnTo>
                    <a:pt x="1067" y="46"/>
                  </a:lnTo>
                  <a:lnTo>
                    <a:pt x="1067" y="575"/>
                  </a:lnTo>
                  <a:close/>
                  <a:moveTo>
                    <a:pt x="280" y="470"/>
                  </a:moveTo>
                  <a:lnTo>
                    <a:pt x="280" y="470"/>
                  </a:lnTo>
                  <a:cubicBezTo>
                    <a:pt x="267" y="470"/>
                    <a:pt x="256" y="480"/>
                    <a:pt x="256" y="493"/>
                  </a:cubicBezTo>
                  <a:lnTo>
                    <a:pt x="256" y="681"/>
                  </a:lnTo>
                  <a:lnTo>
                    <a:pt x="46" y="681"/>
                  </a:lnTo>
                  <a:lnTo>
                    <a:pt x="46" y="491"/>
                  </a:lnTo>
                  <a:cubicBezTo>
                    <a:pt x="46" y="447"/>
                    <a:pt x="82" y="412"/>
                    <a:pt x="125" y="412"/>
                  </a:cubicBezTo>
                  <a:lnTo>
                    <a:pt x="474" y="412"/>
                  </a:lnTo>
                  <a:cubicBezTo>
                    <a:pt x="480" y="412"/>
                    <a:pt x="486" y="409"/>
                    <a:pt x="490" y="405"/>
                  </a:cubicBezTo>
                  <a:lnTo>
                    <a:pt x="695" y="200"/>
                  </a:lnTo>
                  <a:cubicBezTo>
                    <a:pt x="700" y="196"/>
                    <a:pt x="708" y="196"/>
                    <a:pt x="713" y="201"/>
                  </a:cubicBezTo>
                  <a:cubicBezTo>
                    <a:pt x="718" y="205"/>
                    <a:pt x="718" y="213"/>
                    <a:pt x="713" y="218"/>
                  </a:cubicBezTo>
                  <a:lnTo>
                    <a:pt x="531" y="399"/>
                  </a:lnTo>
                  <a:cubicBezTo>
                    <a:pt x="524" y="407"/>
                    <a:pt x="522" y="418"/>
                    <a:pt x="527" y="427"/>
                  </a:cubicBezTo>
                  <a:cubicBezTo>
                    <a:pt x="530" y="431"/>
                    <a:pt x="531" y="436"/>
                    <a:pt x="531" y="441"/>
                  </a:cubicBezTo>
                  <a:cubicBezTo>
                    <a:pt x="531" y="457"/>
                    <a:pt x="518" y="470"/>
                    <a:pt x="502" y="470"/>
                  </a:cubicBezTo>
                  <a:lnTo>
                    <a:pt x="280" y="470"/>
                  </a:lnTo>
                  <a:close/>
                  <a:moveTo>
                    <a:pt x="1081" y="0"/>
                  </a:moveTo>
                  <a:lnTo>
                    <a:pt x="1081" y="0"/>
                  </a:lnTo>
                  <a:lnTo>
                    <a:pt x="391" y="0"/>
                  </a:lnTo>
                  <a:cubicBezTo>
                    <a:pt x="373" y="0"/>
                    <a:pt x="358" y="14"/>
                    <a:pt x="358" y="32"/>
                  </a:cubicBezTo>
                  <a:lnTo>
                    <a:pt x="358" y="365"/>
                  </a:lnTo>
                  <a:lnTo>
                    <a:pt x="125" y="365"/>
                  </a:lnTo>
                  <a:cubicBezTo>
                    <a:pt x="56" y="365"/>
                    <a:pt x="0" y="421"/>
                    <a:pt x="0" y="491"/>
                  </a:cubicBezTo>
                  <a:lnTo>
                    <a:pt x="0" y="704"/>
                  </a:lnTo>
                  <a:cubicBezTo>
                    <a:pt x="0" y="717"/>
                    <a:pt x="10" y="727"/>
                    <a:pt x="23" y="727"/>
                  </a:cubicBezTo>
                  <a:lnTo>
                    <a:pt x="280" y="727"/>
                  </a:lnTo>
                  <a:cubicBezTo>
                    <a:pt x="293" y="727"/>
                    <a:pt x="303" y="717"/>
                    <a:pt x="303" y="704"/>
                  </a:cubicBezTo>
                  <a:lnTo>
                    <a:pt x="303" y="516"/>
                  </a:lnTo>
                  <a:lnTo>
                    <a:pt x="358" y="516"/>
                  </a:lnTo>
                  <a:lnTo>
                    <a:pt x="358" y="589"/>
                  </a:lnTo>
                  <a:cubicBezTo>
                    <a:pt x="358" y="607"/>
                    <a:pt x="373" y="622"/>
                    <a:pt x="391" y="622"/>
                  </a:cubicBezTo>
                  <a:lnTo>
                    <a:pt x="755" y="622"/>
                  </a:lnTo>
                  <a:cubicBezTo>
                    <a:pt x="773" y="622"/>
                    <a:pt x="787" y="607"/>
                    <a:pt x="787" y="589"/>
                  </a:cubicBezTo>
                  <a:cubicBezTo>
                    <a:pt x="787" y="569"/>
                    <a:pt x="803" y="553"/>
                    <a:pt x="823" y="553"/>
                  </a:cubicBezTo>
                  <a:lnTo>
                    <a:pt x="888" y="553"/>
                  </a:lnTo>
                  <a:cubicBezTo>
                    <a:pt x="907" y="553"/>
                    <a:pt x="924" y="569"/>
                    <a:pt x="924" y="589"/>
                  </a:cubicBezTo>
                  <a:cubicBezTo>
                    <a:pt x="924" y="607"/>
                    <a:pt x="938" y="622"/>
                    <a:pt x="956" y="622"/>
                  </a:cubicBezTo>
                  <a:lnTo>
                    <a:pt x="1081" y="622"/>
                  </a:lnTo>
                  <a:cubicBezTo>
                    <a:pt x="1099" y="622"/>
                    <a:pt x="1113" y="607"/>
                    <a:pt x="1113" y="589"/>
                  </a:cubicBezTo>
                  <a:lnTo>
                    <a:pt x="1113" y="32"/>
                  </a:lnTo>
                  <a:cubicBezTo>
                    <a:pt x="1113" y="14"/>
                    <a:pt x="1099" y="0"/>
                    <a:pt x="1081" y="0"/>
                  </a:cubicBezTo>
                  <a:close/>
                </a:path>
              </a:pathLst>
            </a:custGeom>
            <a:grp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600" dirty="0">
                <a:solidFill>
                  <a:schemeClr val="tx2"/>
                </a:solidFill>
              </a:endParaRPr>
            </a:p>
          </p:txBody>
        </p:sp>
      </p:grpSp>
      <p:sp>
        <p:nvSpPr>
          <p:cNvPr id="19" name="TextBox 18">
            <a:extLst>
              <a:ext uri="{FF2B5EF4-FFF2-40B4-BE49-F238E27FC236}">
                <a16:creationId xmlns:a16="http://schemas.microsoft.com/office/drawing/2014/main" id="{3DE1C476-B920-4A90-B78D-A3AB8018F3FA}"/>
              </a:ext>
            </a:extLst>
          </p:cNvPr>
          <p:cNvSpPr txBox="1"/>
          <p:nvPr/>
        </p:nvSpPr>
        <p:spPr>
          <a:xfrm>
            <a:off x="4517136" y="3538522"/>
            <a:ext cx="6022527" cy="376257"/>
          </a:xfrm>
          <a:prstGeom prst="rect">
            <a:avLst/>
          </a:prstGeom>
          <a:noFill/>
        </p:spPr>
        <p:txBody>
          <a:bodyPr vert="horz" wrap="square" lIns="91440" tIns="45720" rIns="91440" bIns="45720" rtlCol="0" anchor="t">
            <a:spAutoFit/>
          </a:bodyPr>
          <a:lstStyle/>
          <a:p>
            <a:pPr algn="l">
              <a:lnSpc>
                <a:spcPct val="110000"/>
              </a:lnSpc>
            </a:pPr>
            <a:r>
              <a:rPr lang="en-US" sz="1800" b="1" i="0" dirty="0">
                <a:solidFill>
                  <a:schemeClr val="accent1"/>
                </a:solidFill>
                <a:latin typeface="AmplitudeTF" panose="02000506050000020004" pitchFamily="50" charset="0"/>
              </a:rPr>
              <a:t>LMS Advantages</a:t>
            </a:r>
          </a:p>
        </p:txBody>
      </p:sp>
    </p:spTree>
    <p:custDataLst>
      <p:tags r:id="rId1"/>
    </p:custDataLst>
    <p:extLst>
      <p:ext uri="{BB962C8B-B14F-4D97-AF65-F5344CB8AC3E}">
        <p14:creationId xmlns:p14="http://schemas.microsoft.com/office/powerpoint/2010/main" val="3576589627"/>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14BA3529-2309-4057-95A2-63E6AD9168AC}"/>
              </a:ext>
            </a:extLst>
          </p:cNvPr>
          <p:cNvSpPr>
            <a:spLocks noGrp="1"/>
          </p:cNvSpPr>
          <p:nvPr>
            <p:ph type="title"/>
          </p:nvPr>
        </p:nvSpPr>
        <p:spPr/>
        <p:txBody>
          <a:bodyPr/>
          <a:lstStyle/>
          <a:p>
            <a:r>
              <a:rPr lang="en-US" sz="2800" dirty="0"/>
              <a:t>Use Case 3</a:t>
            </a:r>
          </a:p>
        </p:txBody>
      </p:sp>
      <p:sp>
        <p:nvSpPr>
          <p:cNvPr id="10" name="Content Placeholder 9">
            <a:extLst>
              <a:ext uri="{FF2B5EF4-FFF2-40B4-BE49-F238E27FC236}">
                <a16:creationId xmlns:a16="http://schemas.microsoft.com/office/drawing/2014/main" id="{6840AC60-8348-4A09-BF52-8BFE761C2648}"/>
              </a:ext>
            </a:extLst>
          </p:cNvPr>
          <p:cNvSpPr>
            <a:spLocks noGrp="1"/>
          </p:cNvSpPr>
          <p:nvPr>
            <p:ph sz="quarter" idx="12"/>
          </p:nvPr>
        </p:nvSpPr>
        <p:spPr>
          <a:xfrm>
            <a:off x="4526280" y="2153412"/>
            <a:ext cx="9418320" cy="4745736"/>
          </a:xfrm>
        </p:spPr>
        <p:txBody>
          <a:bodyPr/>
          <a:lstStyle/>
          <a:p>
            <a:r>
              <a:rPr lang="en-US" sz="1800" i="1" dirty="0"/>
              <a:t>Your organization is scaling its community advocacy workshops and needs to scale training to more advocates while maintaining low costs without compromising on providing and delivering quality content. You also do not expect to receive additional resources to hire additional trainers or purchase additional physical materials to help facilitate these workshops.</a:t>
            </a:r>
          </a:p>
          <a:p>
            <a:pPr marL="3175" indent="0"/>
            <a:endParaRPr lang="en-US" sz="1800" i="1" dirty="0"/>
          </a:p>
          <a:p>
            <a:pPr marL="288925" indent="-285750">
              <a:lnSpc>
                <a:spcPct val="100000"/>
              </a:lnSpc>
              <a:spcBef>
                <a:spcPts val="600"/>
              </a:spcBef>
              <a:buFont typeface="Arial" panose="020B0604020202020204" pitchFamily="34" charset="0"/>
              <a:buChar char="•"/>
            </a:pPr>
            <a:endParaRPr lang="en-US" sz="1800" dirty="0"/>
          </a:p>
          <a:p>
            <a:pPr marL="288925" indent="-285750">
              <a:lnSpc>
                <a:spcPct val="100000"/>
              </a:lnSpc>
              <a:spcBef>
                <a:spcPts val="600"/>
              </a:spcBef>
              <a:buFont typeface="Arial" panose="020B0604020202020204" pitchFamily="34" charset="0"/>
              <a:buChar char="•"/>
            </a:pPr>
            <a:r>
              <a:rPr lang="en-US" sz="1800" dirty="0"/>
              <a:t>Standardized features of systems reducing manual effort maintain and updating materials, leading to time savings</a:t>
            </a:r>
          </a:p>
          <a:p>
            <a:pPr marL="288925" indent="-285750">
              <a:lnSpc>
                <a:spcPct val="100000"/>
              </a:lnSpc>
              <a:spcBef>
                <a:spcPts val="600"/>
              </a:spcBef>
              <a:buFont typeface="Arial" panose="020B0604020202020204" pitchFamily="34" charset="0"/>
              <a:buChar char="•"/>
            </a:pPr>
            <a:endParaRPr lang="en-US" sz="1800" dirty="0"/>
          </a:p>
          <a:p>
            <a:pPr marL="288925" indent="-285750">
              <a:lnSpc>
                <a:spcPct val="100000"/>
              </a:lnSpc>
              <a:spcBef>
                <a:spcPts val="600"/>
              </a:spcBef>
              <a:buFont typeface="Arial" panose="020B0604020202020204" pitchFamily="34" charset="0"/>
              <a:buChar char="•"/>
            </a:pPr>
            <a:r>
              <a:rPr lang="en-US" sz="1800" dirty="0"/>
              <a:t>Reduced need to have multiple trainers leading multiple workshops</a:t>
            </a:r>
          </a:p>
          <a:p>
            <a:pPr marL="288925" indent="-285750">
              <a:lnSpc>
                <a:spcPct val="100000"/>
              </a:lnSpc>
              <a:spcBef>
                <a:spcPts val="600"/>
              </a:spcBef>
              <a:buFont typeface="Arial" panose="020B0604020202020204" pitchFamily="34" charset="0"/>
              <a:buChar char="•"/>
            </a:pPr>
            <a:endParaRPr lang="en-US" sz="1800" dirty="0"/>
          </a:p>
          <a:p>
            <a:pPr marL="288925" indent="-285750">
              <a:lnSpc>
                <a:spcPct val="100000"/>
              </a:lnSpc>
              <a:spcBef>
                <a:spcPts val="600"/>
              </a:spcBef>
              <a:buFont typeface="Arial" panose="020B0604020202020204" pitchFamily="34" charset="0"/>
              <a:buChar char="•"/>
            </a:pPr>
            <a:r>
              <a:rPr lang="en-US" sz="1800" dirty="0"/>
              <a:t>Reduced or eliminated costs of travel and physical materials for in person or classroom training </a:t>
            </a:r>
          </a:p>
          <a:p>
            <a:pPr marL="288925" indent="-285750">
              <a:buFont typeface="Arial" panose="020B0604020202020204" pitchFamily="34" charset="0"/>
              <a:buChar char="•"/>
            </a:pPr>
            <a:endParaRPr lang="en-US" sz="1800" i="1" dirty="0"/>
          </a:p>
          <a:p>
            <a:endParaRPr lang="en-US" sz="1800" i="1" dirty="0"/>
          </a:p>
          <a:p>
            <a:pPr marL="288925" indent="-285750">
              <a:buFont typeface="Arial" panose="020B0604020202020204" pitchFamily="34" charset="0"/>
              <a:buChar char="•"/>
            </a:pPr>
            <a:endParaRPr lang="en-US" sz="1800" i="1" dirty="0"/>
          </a:p>
        </p:txBody>
      </p:sp>
      <p:sp>
        <p:nvSpPr>
          <p:cNvPr id="11" name="Content Placeholder 10">
            <a:extLst>
              <a:ext uri="{FF2B5EF4-FFF2-40B4-BE49-F238E27FC236}">
                <a16:creationId xmlns:a16="http://schemas.microsoft.com/office/drawing/2014/main" id="{086BDD96-25E6-4B26-BDEB-9B91106446FF}"/>
              </a:ext>
            </a:extLst>
          </p:cNvPr>
          <p:cNvSpPr txBox="1">
            <a:spLocks/>
          </p:cNvSpPr>
          <p:nvPr/>
        </p:nvSpPr>
        <p:spPr>
          <a:xfrm>
            <a:off x="694944" y="2231136"/>
            <a:ext cx="3191256" cy="4590288"/>
          </a:xfrm>
          <a:prstGeom prst="rect">
            <a:avLst/>
          </a:prstGeom>
        </p:spPr>
        <p:txBody>
          <a:bodyPr vert="horz" wrap="square" lIns="0" tIns="0" rIns="0" bIns="0" rtlCol="0" anchor="t">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mplitudeTF" panose="02000506050000020004" pitchFamily="50"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mplitudeTF" panose="02000506050000020004" pitchFamily="50"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mplitudeTF" panose="02000506050000020004" pitchFamily="50"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algn="ctr">
              <a:lnSpc>
                <a:spcPct val="100000"/>
              </a:lnSpc>
              <a:spcBef>
                <a:spcPts val="0"/>
              </a:spcBef>
            </a:pPr>
            <a:r>
              <a:rPr lang="en-US" sz="2000" dirty="0"/>
              <a:t>Need to Reduce</a:t>
            </a:r>
          </a:p>
          <a:p>
            <a:pPr algn="ctr">
              <a:lnSpc>
                <a:spcPct val="100000"/>
              </a:lnSpc>
              <a:spcBef>
                <a:spcPts val="0"/>
              </a:spcBef>
            </a:pPr>
            <a:r>
              <a:rPr lang="en-US" sz="2000" dirty="0"/>
              <a:t> Training Costs</a:t>
            </a:r>
          </a:p>
        </p:txBody>
      </p:sp>
      <p:grpSp>
        <p:nvGrpSpPr>
          <p:cNvPr id="19" name="Group 18">
            <a:extLst>
              <a:ext uri="{FF2B5EF4-FFF2-40B4-BE49-F238E27FC236}">
                <a16:creationId xmlns:a16="http://schemas.microsoft.com/office/drawing/2014/main" id="{A2E5ECD1-E8B5-4341-A190-ECBB09DC56BD}"/>
              </a:ext>
            </a:extLst>
          </p:cNvPr>
          <p:cNvGrpSpPr/>
          <p:nvPr/>
        </p:nvGrpSpPr>
        <p:grpSpPr>
          <a:xfrm>
            <a:off x="1238062" y="3506262"/>
            <a:ext cx="2105020" cy="2258283"/>
            <a:chOff x="9328088" y="2706114"/>
            <a:chExt cx="561491" cy="635854"/>
          </a:xfrm>
          <a:solidFill>
            <a:schemeClr val="accent1"/>
          </a:solidFill>
        </p:grpSpPr>
        <p:sp>
          <p:nvSpPr>
            <p:cNvPr id="20" name="Freeform 25">
              <a:extLst>
                <a:ext uri="{FF2B5EF4-FFF2-40B4-BE49-F238E27FC236}">
                  <a16:creationId xmlns:a16="http://schemas.microsoft.com/office/drawing/2014/main" id="{616D07D4-E212-4BF5-8BE2-D1D4AC5A60A2}"/>
                </a:ext>
              </a:extLst>
            </p:cNvPr>
            <p:cNvSpPr>
              <a:spLocks/>
            </p:cNvSpPr>
            <p:nvPr/>
          </p:nvSpPr>
          <p:spPr bwMode="auto">
            <a:xfrm flipH="1">
              <a:off x="9732523" y="3172463"/>
              <a:ext cx="130147" cy="169505"/>
            </a:xfrm>
            <a:custGeom>
              <a:avLst/>
              <a:gdLst>
                <a:gd name="T0" fmla="*/ 297 w 1489"/>
                <a:gd name="T1" fmla="*/ 0 h 1937"/>
                <a:gd name="T2" fmla="*/ 1192 w 1489"/>
                <a:gd name="T3" fmla="*/ 0 h 1937"/>
                <a:gd name="T4" fmla="*/ 1252 w 1489"/>
                <a:gd name="T5" fmla="*/ 6 h 1937"/>
                <a:gd name="T6" fmla="*/ 1307 w 1489"/>
                <a:gd name="T7" fmla="*/ 23 h 1937"/>
                <a:gd name="T8" fmla="*/ 1357 w 1489"/>
                <a:gd name="T9" fmla="*/ 51 h 1937"/>
                <a:gd name="T10" fmla="*/ 1403 w 1489"/>
                <a:gd name="T11" fmla="*/ 87 h 1937"/>
                <a:gd name="T12" fmla="*/ 1439 w 1489"/>
                <a:gd name="T13" fmla="*/ 131 h 1937"/>
                <a:gd name="T14" fmla="*/ 1467 w 1489"/>
                <a:gd name="T15" fmla="*/ 181 h 1937"/>
                <a:gd name="T16" fmla="*/ 1483 w 1489"/>
                <a:gd name="T17" fmla="*/ 239 h 1937"/>
                <a:gd name="T18" fmla="*/ 1489 w 1489"/>
                <a:gd name="T19" fmla="*/ 299 h 1937"/>
                <a:gd name="T20" fmla="*/ 1489 w 1489"/>
                <a:gd name="T21" fmla="*/ 1638 h 1937"/>
                <a:gd name="T22" fmla="*/ 1483 w 1489"/>
                <a:gd name="T23" fmla="*/ 1698 h 1937"/>
                <a:gd name="T24" fmla="*/ 1465 w 1489"/>
                <a:gd name="T25" fmla="*/ 1756 h 1937"/>
                <a:gd name="T26" fmla="*/ 1439 w 1489"/>
                <a:gd name="T27" fmla="*/ 1805 h 1937"/>
                <a:gd name="T28" fmla="*/ 1401 w 1489"/>
                <a:gd name="T29" fmla="*/ 1849 h 1937"/>
                <a:gd name="T30" fmla="*/ 1357 w 1489"/>
                <a:gd name="T31" fmla="*/ 1885 h 1937"/>
                <a:gd name="T32" fmla="*/ 1307 w 1489"/>
                <a:gd name="T33" fmla="*/ 1913 h 1937"/>
                <a:gd name="T34" fmla="*/ 1252 w 1489"/>
                <a:gd name="T35" fmla="*/ 1931 h 1937"/>
                <a:gd name="T36" fmla="*/ 1192 w 1489"/>
                <a:gd name="T37" fmla="*/ 1937 h 1937"/>
                <a:gd name="T38" fmla="*/ 297 w 1489"/>
                <a:gd name="T39" fmla="*/ 1937 h 1937"/>
                <a:gd name="T40" fmla="*/ 237 w 1489"/>
                <a:gd name="T41" fmla="*/ 1931 h 1937"/>
                <a:gd name="T42" fmla="*/ 181 w 1489"/>
                <a:gd name="T43" fmla="*/ 1913 h 1937"/>
                <a:gd name="T44" fmla="*/ 131 w 1489"/>
                <a:gd name="T45" fmla="*/ 1885 h 1937"/>
                <a:gd name="T46" fmla="*/ 87 w 1489"/>
                <a:gd name="T47" fmla="*/ 1849 h 1937"/>
                <a:gd name="T48" fmla="*/ 50 w 1489"/>
                <a:gd name="T49" fmla="*/ 1805 h 1937"/>
                <a:gd name="T50" fmla="*/ 24 w 1489"/>
                <a:gd name="T51" fmla="*/ 1756 h 1937"/>
                <a:gd name="T52" fmla="*/ 6 w 1489"/>
                <a:gd name="T53" fmla="*/ 1698 h 1937"/>
                <a:gd name="T54" fmla="*/ 0 w 1489"/>
                <a:gd name="T55" fmla="*/ 1638 h 1937"/>
                <a:gd name="T56" fmla="*/ 0 w 1489"/>
                <a:gd name="T57" fmla="*/ 299 h 1937"/>
                <a:gd name="T58" fmla="*/ 6 w 1489"/>
                <a:gd name="T59" fmla="*/ 239 h 1937"/>
                <a:gd name="T60" fmla="*/ 24 w 1489"/>
                <a:gd name="T61" fmla="*/ 181 h 1937"/>
                <a:gd name="T62" fmla="*/ 50 w 1489"/>
                <a:gd name="T63" fmla="*/ 131 h 1937"/>
                <a:gd name="T64" fmla="*/ 87 w 1489"/>
                <a:gd name="T65" fmla="*/ 87 h 1937"/>
                <a:gd name="T66" fmla="*/ 131 w 1489"/>
                <a:gd name="T67" fmla="*/ 51 h 1937"/>
                <a:gd name="T68" fmla="*/ 181 w 1489"/>
                <a:gd name="T69" fmla="*/ 23 h 1937"/>
                <a:gd name="T70" fmla="*/ 237 w 1489"/>
                <a:gd name="T71" fmla="*/ 6 h 1937"/>
                <a:gd name="T72" fmla="*/ 297 w 1489"/>
                <a:gd name="T73" fmla="*/ 0 h 19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489" h="1937">
                  <a:moveTo>
                    <a:pt x="297" y="0"/>
                  </a:moveTo>
                  <a:lnTo>
                    <a:pt x="1192" y="0"/>
                  </a:lnTo>
                  <a:lnTo>
                    <a:pt x="1252" y="6"/>
                  </a:lnTo>
                  <a:lnTo>
                    <a:pt x="1307" y="23"/>
                  </a:lnTo>
                  <a:lnTo>
                    <a:pt x="1357" y="51"/>
                  </a:lnTo>
                  <a:lnTo>
                    <a:pt x="1403" y="87"/>
                  </a:lnTo>
                  <a:lnTo>
                    <a:pt x="1439" y="131"/>
                  </a:lnTo>
                  <a:lnTo>
                    <a:pt x="1467" y="181"/>
                  </a:lnTo>
                  <a:lnTo>
                    <a:pt x="1483" y="239"/>
                  </a:lnTo>
                  <a:lnTo>
                    <a:pt x="1489" y="299"/>
                  </a:lnTo>
                  <a:lnTo>
                    <a:pt x="1489" y="1638"/>
                  </a:lnTo>
                  <a:lnTo>
                    <a:pt x="1483" y="1698"/>
                  </a:lnTo>
                  <a:lnTo>
                    <a:pt x="1465" y="1756"/>
                  </a:lnTo>
                  <a:lnTo>
                    <a:pt x="1439" y="1805"/>
                  </a:lnTo>
                  <a:lnTo>
                    <a:pt x="1401" y="1849"/>
                  </a:lnTo>
                  <a:lnTo>
                    <a:pt x="1357" y="1885"/>
                  </a:lnTo>
                  <a:lnTo>
                    <a:pt x="1307" y="1913"/>
                  </a:lnTo>
                  <a:lnTo>
                    <a:pt x="1252" y="1931"/>
                  </a:lnTo>
                  <a:lnTo>
                    <a:pt x="1192" y="1937"/>
                  </a:lnTo>
                  <a:lnTo>
                    <a:pt x="297" y="1937"/>
                  </a:lnTo>
                  <a:lnTo>
                    <a:pt x="237" y="1931"/>
                  </a:lnTo>
                  <a:lnTo>
                    <a:pt x="181" y="1913"/>
                  </a:lnTo>
                  <a:lnTo>
                    <a:pt x="131" y="1885"/>
                  </a:lnTo>
                  <a:lnTo>
                    <a:pt x="87" y="1849"/>
                  </a:lnTo>
                  <a:lnTo>
                    <a:pt x="50" y="1805"/>
                  </a:lnTo>
                  <a:lnTo>
                    <a:pt x="24" y="1756"/>
                  </a:lnTo>
                  <a:lnTo>
                    <a:pt x="6" y="1698"/>
                  </a:lnTo>
                  <a:lnTo>
                    <a:pt x="0" y="1638"/>
                  </a:lnTo>
                  <a:lnTo>
                    <a:pt x="0" y="299"/>
                  </a:lnTo>
                  <a:lnTo>
                    <a:pt x="6" y="239"/>
                  </a:lnTo>
                  <a:lnTo>
                    <a:pt x="24" y="181"/>
                  </a:lnTo>
                  <a:lnTo>
                    <a:pt x="50" y="131"/>
                  </a:lnTo>
                  <a:lnTo>
                    <a:pt x="87" y="87"/>
                  </a:lnTo>
                  <a:lnTo>
                    <a:pt x="131" y="51"/>
                  </a:lnTo>
                  <a:lnTo>
                    <a:pt x="181" y="23"/>
                  </a:lnTo>
                  <a:lnTo>
                    <a:pt x="237" y="6"/>
                  </a:lnTo>
                  <a:lnTo>
                    <a:pt x="297"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sp>
          <p:nvSpPr>
            <p:cNvPr id="21" name="Freeform 26">
              <a:extLst>
                <a:ext uri="{FF2B5EF4-FFF2-40B4-BE49-F238E27FC236}">
                  <a16:creationId xmlns:a16="http://schemas.microsoft.com/office/drawing/2014/main" id="{38365465-7098-46D4-B489-C103ED7AF3A2}"/>
                </a:ext>
              </a:extLst>
            </p:cNvPr>
            <p:cNvSpPr>
              <a:spLocks/>
            </p:cNvSpPr>
            <p:nvPr/>
          </p:nvSpPr>
          <p:spPr bwMode="auto">
            <a:xfrm flipH="1">
              <a:off x="9530480" y="3081325"/>
              <a:ext cx="130147" cy="260643"/>
            </a:xfrm>
            <a:custGeom>
              <a:avLst/>
              <a:gdLst>
                <a:gd name="T0" fmla="*/ 297 w 1489"/>
                <a:gd name="T1" fmla="*/ 0 h 2980"/>
                <a:gd name="T2" fmla="*/ 1192 w 1489"/>
                <a:gd name="T3" fmla="*/ 0 h 2980"/>
                <a:gd name="T4" fmla="*/ 1252 w 1489"/>
                <a:gd name="T5" fmla="*/ 6 h 2980"/>
                <a:gd name="T6" fmla="*/ 1307 w 1489"/>
                <a:gd name="T7" fmla="*/ 24 h 2980"/>
                <a:gd name="T8" fmla="*/ 1357 w 1489"/>
                <a:gd name="T9" fmla="*/ 52 h 2980"/>
                <a:gd name="T10" fmla="*/ 1403 w 1489"/>
                <a:gd name="T11" fmla="*/ 88 h 2980"/>
                <a:gd name="T12" fmla="*/ 1439 w 1489"/>
                <a:gd name="T13" fmla="*/ 132 h 2980"/>
                <a:gd name="T14" fmla="*/ 1467 w 1489"/>
                <a:gd name="T15" fmla="*/ 181 h 2980"/>
                <a:gd name="T16" fmla="*/ 1483 w 1489"/>
                <a:gd name="T17" fmla="*/ 237 h 2980"/>
                <a:gd name="T18" fmla="*/ 1489 w 1489"/>
                <a:gd name="T19" fmla="*/ 297 h 2980"/>
                <a:gd name="T20" fmla="*/ 1489 w 1489"/>
                <a:gd name="T21" fmla="*/ 2681 h 2980"/>
                <a:gd name="T22" fmla="*/ 1483 w 1489"/>
                <a:gd name="T23" fmla="*/ 2743 h 2980"/>
                <a:gd name="T24" fmla="*/ 1467 w 1489"/>
                <a:gd name="T25" fmla="*/ 2799 h 2980"/>
                <a:gd name="T26" fmla="*/ 1439 w 1489"/>
                <a:gd name="T27" fmla="*/ 2848 h 2980"/>
                <a:gd name="T28" fmla="*/ 1403 w 1489"/>
                <a:gd name="T29" fmla="*/ 2892 h 2980"/>
                <a:gd name="T30" fmla="*/ 1357 w 1489"/>
                <a:gd name="T31" fmla="*/ 2928 h 2980"/>
                <a:gd name="T32" fmla="*/ 1307 w 1489"/>
                <a:gd name="T33" fmla="*/ 2956 h 2980"/>
                <a:gd name="T34" fmla="*/ 1252 w 1489"/>
                <a:gd name="T35" fmla="*/ 2974 h 2980"/>
                <a:gd name="T36" fmla="*/ 1192 w 1489"/>
                <a:gd name="T37" fmla="*/ 2980 h 2980"/>
                <a:gd name="T38" fmla="*/ 297 w 1489"/>
                <a:gd name="T39" fmla="*/ 2980 h 2980"/>
                <a:gd name="T40" fmla="*/ 237 w 1489"/>
                <a:gd name="T41" fmla="*/ 2974 h 2980"/>
                <a:gd name="T42" fmla="*/ 181 w 1489"/>
                <a:gd name="T43" fmla="*/ 2956 h 2980"/>
                <a:gd name="T44" fmla="*/ 131 w 1489"/>
                <a:gd name="T45" fmla="*/ 2928 h 2980"/>
                <a:gd name="T46" fmla="*/ 88 w 1489"/>
                <a:gd name="T47" fmla="*/ 2892 h 2980"/>
                <a:gd name="T48" fmla="*/ 50 w 1489"/>
                <a:gd name="T49" fmla="*/ 2848 h 2980"/>
                <a:gd name="T50" fmla="*/ 24 w 1489"/>
                <a:gd name="T51" fmla="*/ 2799 h 2980"/>
                <a:gd name="T52" fmla="*/ 6 w 1489"/>
                <a:gd name="T53" fmla="*/ 2743 h 2980"/>
                <a:gd name="T54" fmla="*/ 0 w 1489"/>
                <a:gd name="T55" fmla="*/ 2681 h 2980"/>
                <a:gd name="T56" fmla="*/ 0 w 1489"/>
                <a:gd name="T57" fmla="*/ 299 h 2980"/>
                <a:gd name="T58" fmla="*/ 6 w 1489"/>
                <a:gd name="T59" fmla="*/ 237 h 2980"/>
                <a:gd name="T60" fmla="*/ 24 w 1489"/>
                <a:gd name="T61" fmla="*/ 181 h 2980"/>
                <a:gd name="T62" fmla="*/ 50 w 1489"/>
                <a:gd name="T63" fmla="*/ 132 h 2980"/>
                <a:gd name="T64" fmla="*/ 88 w 1489"/>
                <a:gd name="T65" fmla="*/ 88 h 2980"/>
                <a:gd name="T66" fmla="*/ 131 w 1489"/>
                <a:gd name="T67" fmla="*/ 52 h 2980"/>
                <a:gd name="T68" fmla="*/ 181 w 1489"/>
                <a:gd name="T69" fmla="*/ 24 h 2980"/>
                <a:gd name="T70" fmla="*/ 237 w 1489"/>
                <a:gd name="T71" fmla="*/ 6 h 2980"/>
                <a:gd name="T72" fmla="*/ 297 w 1489"/>
                <a:gd name="T73" fmla="*/ 0 h 29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489" h="2980">
                  <a:moveTo>
                    <a:pt x="297" y="0"/>
                  </a:moveTo>
                  <a:lnTo>
                    <a:pt x="1192" y="0"/>
                  </a:lnTo>
                  <a:lnTo>
                    <a:pt x="1252" y="6"/>
                  </a:lnTo>
                  <a:lnTo>
                    <a:pt x="1307" y="24"/>
                  </a:lnTo>
                  <a:lnTo>
                    <a:pt x="1357" y="52"/>
                  </a:lnTo>
                  <a:lnTo>
                    <a:pt x="1403" y="88"/>
                  </a:lnTo>
                  <a:lnTo>
                    <a:pt x="1439" y="132"/>
                  </a:lnTo>
                  <a:lnTo>
                    <a:pt x="1467" y="181"/>
                  </a:lnTo>
                  <a:lnTo>
                    <a:pt x="1483" y="237"/>
                  </a:lnTo>
                  <a:lnTo>
                    <a:pt x="1489" y="297"/>
                  </a:lnTo>
                  <a:lnTo>
                    <a:pt x="1489" y="2681"/>
                  </a:lnTo>
                  <a:lnTo>
                    <a:pt x="1483" y="2743"/>
                  </a:lnTo>
                  <a:lnTo>
                    <a:pt x="1467" y="2799"/>
                  </a:lnTo>
                  <a:lnTo>
                    <a:pt x="1439" y="2848"/>
                  </a:lnTo>
                  <a:lnTo>
                    <a:pt x="1403" y="2892"/>
                  </a:lnTo>
                  <a:lnTo>
                    <a:pt x="1357" y="2928"/>
                  </a:lnTo>
                  <a:lnTo>
                    <a:pt x="1307" y="2956"/>
                  </a:lnTo>
                  <a:lnTo>
                    <a:pt x="1252" y="2974"/>
                  </a:lnTo>
                  <a:lnTo>
                    <a:pt x="1192" y="2980"/>
                  </a:lnTo>
                  <a:lnTo>
                    <a:pt x="297" y="2980"/>
                  </a:lnTo>
                  <a:lnTo>
                    <a:pt x="237" y="2974"/>
                  </a:lnTo>
                  <a:lnTo>
                    <a:pt x="181" y="2956"/>
                  </a:lnTo>
                  <a:lnTo>
                    <a:pt x="131" y="2928"/>
                  </a:lnTo>
                  <a:lnTo>
                    <a:pt x="88" y="2892"/>
                  </a:lnTo>
                  <a:lnTo>
                    <a:pt x="50" y="2848"/>
                  </a:lnTo>
                  <a:lnTo>
                    <a:pt x="24" y="2799"/>
                  </a:lnTo>
                  <a:lnTo>
                    <a:pt x="6" y="2743"/>
                  </a:lnTo>
                  <a:lnTo>
                    <a:pt x="0" y="2681"/>
                  </a:lnTo>
                  <a:lnTo>
                    <a:pt x="0" y="299"/>
                  </a:lnTo>
                  <a:lnTo>
                    <a:pt x="6" y="237"/>
                  </a:lnTo>
                  <a:lnTo>
                    <a:pt x="24" y="181"/>
                  </a:lnTo>
                  <a:lnTo>
                    <a:pt x="50" y="132"/>
                  </a:lnTo>
                  <a:lnTo>
                    <a:pt x="88" y="88"/>
                  </a:lnTo>
                  <a:lnTo>
                    <a:pt x="131" y="52"/>
                  </a:lnTo>
                  <a:lnTo>
                    <a:pt x="181" y="24"/>
                  </a:lnTo>
                  <a:lnTo>
                    <a:pt x="237" y="6"/>
                  </a:lnTo>
                  <a:lnTo>
                    <a:pt x="297"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sp>
          <p:nvSpPr>
            <p:cNvPr id="22" name="Freeform 27">
              <a:extLst>
                <a:ext uri="{FF2B5EF4-FFF2-40B4-BE49-F238E27FC236}">
                  <a16:creationId xmlns:a16="http://schemas.microsoft.com/office/drawing/2014/main" id="{CF2DAC4C-FBCD-4CB7-ADCF-1888925456CC}"/>
                </a:ext>
              </a:extLst>
            </p:cNvPr>
            <p:cNvSpPr>
              <a:spLocks/>
            </p:cNvSpPr>
            <p:nvPr/>
          </p:nvSpPr>
          <p:spPr bwMode="auto">
            <a:xfrm flipH="1">
              <a:off x="9328088" y="2977068"/>
              <a:ext cx="130497" cy="364900"/>
            </a:xfrm>
            <a:custGeom>
              <a:avLst/>
              <a:gdLst>
                <a:gd name="T0" fmla="*/ 299 w 1491"/>
                <a:gd name="T1" fmla="*/ 0 h 4172"/>
                <a:gd name="T2" fmla="*/ 1192 w 1491"/>
                <a:gd name="T3" fmla="*/ 0 h 4172"/>
                <a:gd name="T4" fmla="*/ 1252 w 1491"/>
                <a:gd name="T5" fmla="*/ 6 h 4172"/>
                <a:gd name="T6" fmla="*/ 1308 w 1491"/>
                <a:gd name="T7" fmla="*/ 24 h 4172"/>
                <a:gd name="T8" fmla="*/ 1359 w 1491"/>
                <a:gd name="T9" fmla="*/ 52 h 4172"/>
                <a:gd name="T10" fmla="*/ 1403 w 1491"/>
                <a:gd name="T11" fmla="*/ 88 h 4172"/>
                <a:gd name="T12" fmla="*/ 1439 w 1491"/>
                <a:gd name="T13" fmla="*/ 132 h 4172"/>
                <a:gd name="T14" fmla="*/ 1467 w 1491"/>
                <a:gd name="T15" fmla="*/ 181 h 4172"/>
                <a:gd name="T16" fmla="*/ 1485 w 1491"/>
                <a:gd name="T17" fmla="*/ 237 h 4172"/>
                <a:gd name="T18" fmla="*/ 1491 w 1491"/>
                <a:gd name="T19" fmla="*/ 299 h 4172"/>
                <a:gd name="T20" fmla="*/ 1491 w 1491"/>
                <a:gd name="T21" fmla="*/ 3873 h 4172"/>
                <a:gd name="T22" fmla="*/ 1483 w 1491"/>
                <a:gd name="T23" fmla="*/ 3933 h 4172"/>
                <a:gd name="T24" fmla="*/ 1467 w 1491"/>
                <a:gd name="T25" fmla="*/ 3991 h 4172"/>
                <a:gd name="T26" fmla="*/ 1439 w 1491"/>
                <a:gd name="T27" fmla="*/ 4040 h 4172"/>
                <a:gd name="T28" fmla="*/ 1403 w 1491"/>
                <a:gd name="T29" fmla="*/ 4084 h 4172"/>
                <a:gd name="T30" fmla="*/ 1359 w 1491"/>
                <a:gd name="T31" fmla="*/ 4120 h 4172"/>
                <a:gd name="T32" fmla="*/ 1308 w 1491"/>
                <a:gd name="T33" fmla="*/ 4148 h 4172"/>
                <a:gd name="T34" fmla="*/ 1252 w 1491"/>
                <a:gd name="T35" fmla="*/ 4166 h 4172"/>
                <a:gd name="T36" fmla="*/ 1192 w 1491"/>
                <a:gd name="T37" fmla="*/ 4172 h 4172"/>
                <a:gd name="T38" fmla="*/ 299 w 1491"/>
                <a:gd name="T39" fmla="*/ 4172 h 4172"/>
                <a:gd name="T40" fmla="*/ 237 w 1491"/>
                <a:gd name="T41" fmla="*/ 4166 h 4172"/>
                <a:gd name="T42" fmla="*/ 181 w 1491"/>
                <a:gd name="T43" fmla="*/ 4148 h 4172"/>
                <a:gd name="T44" fmla="*/ 132 w 1491"/>
                <a:gd name="T45" fmla="*/ 4120 h 4172"/>
                <a:gd name="T46" fmla="*/ 88 w 1491"/>
                <a:gd name="T47" fmla="*/ 4084 h 4172"/>
                <a:gd name="T48" fmla="*/ 52 w 1491"/>
                <a:gd name="T49" fmla="*/ 4040 h 4172"/>
                <a:gd name="T50" fmla="*/ 24 w 1491"/>
                <a:gd name="T51" fmla="*/ 3991 h 4172"/>
                <a:gd name="T52" fmla="*/ 6 w 1491"/>
                <a:gd name="T53" fmla="*/ 3933 h 4172"/>
                <a:gd name="T54" fmla="*/ 0 w 1491"/>
                <a:gd name="T55" fmla="*/ 3873 h 4172"/>
                <a:gd name="T56" fmla="*/ 0 w 1491"/>
                <a:gd name="T57" fmla="*/ 299 h 4172"/>
                <a:gd name="T58" fmla="*/ 6 w 1491"/>
                <a:gd name="T59" fmla="*/ 237 h 4172"/>
                <a:gd name="T60" fmla="*/ 24 w 1491"/>
                <a:gd name="T61" fmla="*/ 181 h 4172"/>
                <a:gd name="T62" fmla="*/ 52 w 1491"/>
                <a:gd name="T63" fmla="*/ 132 h 4172"/>
                <a:gd name="T64" fmla="*/ 88 w 1491"/>
                <a:gd name="T65" fmla="*/ 88 h 4172"/>
                <a:gd name="T66" fmla="*/ 132 w 1491"/>
                <a:gd name="T67" fmla="*/ 52 h 4172"/>
                <a:gd name="T68" fmla="*/ 181 w 1491"/>
                <a:gd name="T69" fmla="*/ 24 h 4172"/>
                <a:gd name="T70" fmla="*/ 237 w 1491"/>
                <a:gd name="T71" fmla="*/ 6 h 4172"/>
                <a:gd name="T72" fmla="*/ 299 w 1491"/>
                <a:gd name="T73" fmla="*/ 0 h 41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491" h="4172">
                  <a:moveTo>
                    <a:pt x="299" y="0"/>
                  </a:moveTo>
                  <a:lnTo>
                    <a:pt x="1192" y="0"/>
                  </a:lnTo>
                  <a:lnTo>
                    <a:pt x="1252" y="6"/>
                  </a:lnTo>
                  <a:lnTo>
                    <a:pt x="1308" y="24"/>
                  </a:lnTo>
                  <a:lnTo>
                    <a:pt x="1359" y="52"/>
                  </a:lnTo>
                  <a:lnTo>
                    <a:pt x="1403" y="88"/>
                  </a:lnTo>
                  <a:lnTo>
                    <a:pt x="1439" y="132"/>
                  </a:lnTo>
                  <a:lnTo>
                    <a:pt x="1467" y="181"/>
                  </a:lnTo>
                  <a:lnTo>
                    <a:pt x="1485" y="237"/>
                  </a:lnTo>
                  <a:lnTo>
                    <a:pt x="1491" y="299"/>
                  </a:lnTo>
                  <a:lnTo>
                    <a:pt x="1491" y="3873"/>
                  </a:lnTo>
                  <a:lnTo>
                    <a:pt x="1483" y="3933"/>
                  </a:lnTo>
                  <a:lnTo>
                    <a:pt x="1467" y="3991"/>
                  </a:lnTo>
                  <a:lnTo>
                    <a:pt x="1439" y="4040"/>
                  </a:lnTo>
                  <a:lnTo>
                    <a:pt x="1403" y="4084"/>
                  </a:lnTo>
                  <a:lnTo>
                    <a:pt x="1359" y="4120"/>
                  </a:lnTo>
                  <a:lnTo>
                    <a:pt x="1308" y="4148"/>
                  </a:lnTo>
                  <a:lnTo>
                    <a:pt x="1252" y="4166"/>
                  </a:lnTo>
                  <a:lnTo>
                    <a:pt x="1192" y="4172"/>
                  </a:lnTo>
                  <a:lnTo>
                    <a:pt x="299" y="4172"/>
                  </a:lnTo>
                  <a:lnTo>
                    <a:pt x="237" y="4166"/>
                  </a:lnTo>
                  <a:lnTo>
                    <a:pt x="181" y="4148"/>
                  </a:lnTo>
                  <a:lnTo>
                    <a:pt x="132" y="4120"/>
                  </a:lnTo>
                  <a:lnTo>
                    <a:pt x="88" y="4084"/>
                  </a:lnTo>
                  <a:lnTo>
                    <a:pt x="52" y="4040"/>
                  </a:lnTo>
                  <a:lnTo>
                    <a:pt x="24" y="3991"/>
                  </a:lnTo>
                  <a:lnTo>
                    <a:pt x="6" y="3933"/>
                  </a:lnTo>
                  <a:lnTo>
                    <a:pt x="0" y="3873"/>
                  </a:lnTo>
                  <a:lnTo>
                    <a:pt x="0" y="299"/>
                  </a:lnTo>
                  <a:lnTo>
                    <a:pt x="6" y="237"/>
                  </a:lnTo>
                  <a:lnTo>
                    <a:pt x="24" y="181"/>
                  </a:lnTo>
                  <a:lnTo>
                    <a:pt x="52" y="132"/>
                  </a:lnTo>
                  <a:lnTo>
                    <a:pt x="88" y="88"/>
                  </a:lnTo>
                  <a:lnTo>
                    <a:pt x="132" y="52"/>
                  </a:lnTo>
                  <a:lnTo>
                    <a:pt x="181" y="24"/>
                  </a:lnTo>
                  <a:lnTo>
                    <a:pt x="237" y="6"/>
                  </a:lnTo>
                  <a:lnTo>
                    <a:pt x="299"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grpSp>
          <p:nvGrpSpPr>
            <p:cNvPr id="23" name="Group 22">
              <a:extLst>
                <a:ext uri="{FF2B5EF4-FFF2-40B4-BE49-F238E27FC236}">
                  <a16:creationId xmlns:a16="http://schemas.microsoft.com/office/drawing/2014/main" id="{608B777A-46B2-4669-AB86-2CF45F40CF0E}"/>
                </a:ext>
              </a:extLst>
            </p:cNvPr>
            <p:cNvGrpSpPr/>
            <p:nvPr/>
          </p:nvGrpSpPr>
          <p:grpSpPr>
            <a:xfrm>
              <a:off x="9708353" y="2952232"/>
              <a:ext cx="181226" cy="181400"/>
              <a:chOff x="9687916" y="2768554"/>
              <a:chExt cx="181226" cy="181400"/>
            </a:xfrm>
            <a:grpFill/>
          </p:grpSpPr>
          <p:grpSp>
            <p:nvGrpSpPr>
              <p:cNvPr id="25" name="Group 24">
                <a:extLst>
                  <a:ext uri="{FF2B5EF4-FFF2-40B4-BE49-F238E27FC236}">
                    <a16:creationId xmlns:a16="http://schemas.microsoft.com/office/drawing/2014/main" id="{27D8C8BB-52D0-4543-8DE7-83A7A09912A6}"/>
                  </a:ext>
                </a:extLst>
              </p:cNvPr>
              <p:cNvGrpSpPr/>
              <p:nvPr/>
            </p:nvGrpSpPr>
            <p:grpSpPr>
              <a:xfrm>
                <a:off x="9757363" y="2819633"/>
                <a:ext cx="44257" cy="78018"/>
                <a:chOff x="9757363" y="2819633"/>
                <a:chExt cx="44257" cy="78018"/>
              </a:xfrm>
              <a:grpFill/>
            </p:grpSpPr>
            <p:sp>
              <p:nvSpPr>
                <p:cNvPr id="27" name="Freeform 22">
                  <a:extLst>
                    <a:ext uri="{FF2B5EF4-FFF2-40B4-BE49-F238E27FC236}">
                      <a16:creationId xmlns:a16="http://schemas.microsoft.com/office/drawing/2014/main" id="{51FFD664-B34D-4FDF-A9C6-525F9D3D2DA6}"/>
                    </a:ext>
                  </a:extLst>
                </p:cNvPr>
                <p:cNvSpPr>
                  <a:spLocks/>
                </p:cNvSpPr>
                <p:nvPr/>
              </p:nvSpPr>
              <p:spPr bwMode="auto">
                <a:xfrm>
                  <a:off x="9783252" y="2867913"/>
                  <a:ext cx="18368" cy="29738"/>
                </a:xfrm>
                <a:custGeom>
                  <a:avLst/>
                  <a:gdLst>
                    <a:gd name="T0" fmla="*/ 0 w 212"/>
                    <a:gd name="T1" fmla="*/ 0 h 339"/>
                    <a:gd name="T2" fmla="*/ 32 w 212"/>
                    <a:gd name="T3" fmla="*/ 8 h 339"/>
                    <a:gd name="T4" fmla="*/ 64 w 212"/>
                    <a:gd name="T5" fmla="*/ 16 h 339"/>
                    <a:gd name="T6" fmla="*/ 96 w 212"/>
                    <a:gd name="T7" fmla="*/ 28 h 339"/>
                    <a:gd name="T8" fmla="*/ 128 w 212"/>
                    <a:gd name="T9" fmla="*/ 42 h 339"/>
                    <a:gd name="T10" fmla="*/ 154 w 212"/>
                    <a:gd name="T11" fmla="*/ 58 h 339"/>
                    <a:gd name="T12" fmla="*/ 178 w 212"/>
                    <a:gd name="T13" fmla="*/ 80 h 339"/>
                    <a:gd name="T14" fmla="*/ 196 w 212"/>
                    <a:gd name="T15" fmla="*/ 106 h 339"/>
                    <a:gd name="T16" fmla="*/ 208 w 212"/>
                    <a:gd name="T17" fmla="*/ 136 h 339"/>
                    <a:gd name="T18" fmla="*/ 212 w 212"/>
                    <a:gd name="T19" fmla="*/ 172 h 339"/>
                    <a:gd name="T20" fmla="*/ 208 w 212"/>
                    <a:gd name="T21" fmla="*/ 207 h 339"/>
                    <a:gd name="T22" fmla="*/ 198 w 212"/>
                    <a:gd name="T23" fmla="*/ 237 h 339"/>
                    <a:gd name="T24" fmla="*/ 180 w 212"/>
                    <a:gd name="T25" fmla="*/ 263 h 339"/>
                    <a:gd name="T26" fmla="*/ 158 w 212"/>
                    <a:gd name="T27" fmla="*/ 285 h 339"/>
                    <a:gd name="T28" fmla="*/ 132 w 212"/>
                    <a:gd name="T29" fmla="*/ 303 h 339"/>
                    <a:gd name="T30" fmla="*/ 102 w 212"/>
                    <a:gd name="T31" fmla="*/ 317 h 339"/>
                    <a:gd name="T32" fmla="*/ 70 w 212"/>
                    <a:gd name="T33" fmla="*/ 329 h 339"/>
                    <a:gd name="T34" fmla="*/ 36 w 212"/>
                    <a:gd name="T35" fmla="*/ 335 h 339"/>
                    <a:gd name="T36" fmla="*/ 0 w 212"/>
                    <a:gd name="T37" fmla="*/ 339 h 339"/>
                    <a:gd name="T38" fmla="*/ 0 w 212"/>
                    <a:gd name="T39" fmla="*/ 0 h 3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12" h="339">
                      <a:moveTo>
                        <a:pt x="0" y="0"/>
                      </a:moveTo>
                      <a:lnTo>
                        <a:pt x="32" y="8"/>
                      </a:lnTo>
                      <a:lnTo>
                        <a:pt x="64" y="16"/>
                      </a:lnTo>
                      <a:lnTo>
                        <a:pt x="96" y="28"/>
                      </a:lnTo>
                      <a:lnTo>
                        <a:pt x="128" y="42"/>
                      </a:lnTo>
                      <a:lnTo>
                        <a:pt x="154" y="58"/>
                      </a:lnTo>
                      <a:lnTo>
                        <a:pt x="178" y="80"/>
                      </a:lnTo>
                      <a:lnTo>
                        <a:pt x="196" y="106"/>
                      </a:lnTo>
                      <a:lnTo>
                        <a:pt x="208" y="136"/>
                      </a:lnTo>
                      <a:lnTo>
                        <a:pt x="212" y="172"/>
                      </a:lnTo>
                      <a:lnTo>
                        <a:pt x="208" y="207"/>
                      </a:lnTo>
                      <a:lnTo>
                        <a:pt x="198" y="237"/>
                      </a:lnTo>
                      <a:lnTo>
                        <a:pt x="180" y="263"/>
                      </a:lnTo>
                      <a:lnTo>
                        <a:pt x="158" y="285"/>
                      </a:lnTo>
                      <a:lnTo>
                        <a:pt x="132" y="303"/>
                      </a:lnTo>
                      <a:lnTo>
                        <a:pt x="102" y="317"/>
                      </a:lnTo>
                      <a:lnTo>
                        <a:pt x="70" y="329"/>
                      </a:lnTo>
                      <a:lnTo>
                        <a:pt x="36" y="335"/>
                      </a:lnTo>
                      <a:lnTo>
                        <a:pt x="0" y="339"/>
                      </a:lnTo>
                      <a:lnTo>
                        <a:pt x="0"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sp>
              <p:nvSpPr>
                <p:cNvPr id="28" name="Freeform 23">
                  <a:extLst>
                    <a:ext uri="{FF2B5EF4-FFF2-40B4-BE49-F238E27FC236}">
                      <a16:creationId xmlns:a16="http://schemas.microsoft.com/office/drawing/2014/main" id="{B67D66A3-C351-4534-878D-EA2552EC27C5}"/>
                    </a:ext>
                  </a:extLst>
                </p:cNvPr>
                <p:cNvSpPr>
                  <a:spLocks/>
                </p:cNvSpPr>
                <p:nvPr/>
              </p:nvSpPr>
              <p:spPr bwMode="auto">
                <a:xfrm>
                  <a:off x="9757363" y="2819633"/>
                  <a:ext cx="16968" cy="26939"/>
                </a:xfrm>
                <a:custGeom>
                  <a:avLst/>
                  <a:gdLst>
                    <a:gd name="T0" fmla="*/ 194 w 194"/>
                    <a:gd name="T1" fmla="*/ 0 h 307"/>
                    <a:gd name="T2" fmla="*/ 194 w 194"/>
                    <a:gd name="T3" fmla="*/ 307 h 307"/>
                    <a:gd name="T4" fmla="*/ 142 w 194"/>
                    <a:gd name="T5" fmla="*/ 295 h 307"/>
                    <a:gd name="T6" fmla="*/ 100 w 194"/>
                    <a:gd name="T7" fmla="*/ 279 h 307"/>
                    <a:gd name="T8" fmla="*/ 64 w 194"/>
                    <a:gd name="T9" fmla="*/ 259 h 307"/>
                    <a:gd name="T10" fmla="*/ 36 w 194"/>
                    <a:gd name="T11" fmla="*/ 237 h 307"/>
                    <a:gd name="T12" fmla="*/ 16 w 194"/>
                    <a:gd name="T13" fmla="*/ 211 h 307"/>
                    <a:gd name="T14" fmla="*/ 4 w 194"/>
                    <a:gd name="T15" fmla="*/ 179 h 307"/>
                    <a:gd name="T16" fmla="*/ 0 w 194"/>
                    <a:gd name="T17" fmla="*/ 146 h 307"/>
                    <a:gd name="T18" fmla="*/ 6 w 194"/>
                    <a:gd name="T19" fmla="*/ 114 h 307"/>
                    <a:gd name="T20" fmla="*/ 18 w 194"/>
                    <a:gd name="T21" fmla="*/ 86 h 307"/>
                    <a:gd name="T22" fmla="*/ 40 w 194"/>
                    <a:gd name="T23" fmla="*/ 58 h 307"/>
                    <a:gd name="T24" fmla="*/ 68 w 194"/>
                    <a:gd name="T25" fmla="*/ 36 h 307"/>
                    <a:gd name="T26" fmla="*/ 104 w 194"/>
                    <a:gd name="T27" fmla="*/ 18 h 307"/>
                    <a:gd name="T28" fmla="*/ 146 w 194"/>
                    <a:gd name="T29" fmla="*/ 6 h 307"/>
                    <a:gd name="T30" fmla="*/ 194 w 194"/>
                    <a:gd name="T31" fmla="*/ 0 h 3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94" h="307">
                      <a:moveTo>
                        <a:pt x="194" y="0"/>
                      </a:moveTo>
                      <a:lnTo>
                        <a:pt x="194" y="307"/>
                      </a:lnTo>
                      <a:lnTo>
                        <a:pt x="142" y="295"/>
                      </a:lnTo>
                      <a:lnTo>
                        <a:pt x="100" y="279"/>
                      </a:lnTo>
                      <a:lnTo>
                        <a:pt x="64" y="259"/>
                      </a:lnTo>
                      <a:lnTo>
                        <a:pt x="36" y="237"/>
                      </a:lnTo>
                      <a:lnTo>
                        <a:pt x="16" y="211"/>
                      </a:lnTo>
                      <a:lnTo>
                        <a:pt x="4" y="179"/>
                      </a:lnTo>
                      <a:lnTo>
                        <a:pt x="0" y="146"/>
                      </a:lnTo>
                      <a:lnTo>
                        <a:pt x="6" y="114"/>
                      </a:lnTo>
                      <a:lnTo>
                        <a:pt x="18" y="86"/>
                      </a:lnTo>
                      <a:lnTo>
                        <a:pt x="40" y="58"/>
                      </a:lnTo>
                      <a:lnTo>
                        <a:pt x="68" y="36"/>
                      </a:lnTo>
                      <a:lnTo>
                        <a:pt x="104" y="18"/>
                      </a:lnTo>
                      <a:lnTo>
                        <a:pt x="146" y="6"/>
                      </a:lnTo>
                      <a:lnTo>
                        <a:pt x="194"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grpSp>
          <p:sp>
            <p:nvSpPr>
              <p:cNvPr id="26" name="Freeform 24">
                <a:extLst>
                  <a:ext uri="{FF2B5EF4-FFF2-40B4-BE49-F238E27FC236}">
                    <a16:creationId xmlns:a16="http://schemas.microsoft.com/office/drawing/2014/main" id="{ACF90DF2-5A20-4A93-BAAF-BC2029514918}"/>
                  </a:ext>
                </a:extLst>
              </p:cNvPr>
              <p:cNvSpPr>
                <a:spLocks noEditPoints="1"/>
              </p:cNvSpPr>
              <p:nvPr/>
            </p:nvSpPr>
            <p:spPr bwMode="auto">
              <a:xfrm>
                <a:off x="9687916" y="2768554"/>
                <a:ext cx="181226" cy="181400"/>
              </a:xfrm>
              <a:custGeom>
                <a:avLst/>
                <a:gdLst>
                  <a:gd name="T0" fmla="*/ 993 w 2073"/>
                  <a:gd name="T1" fmla="*/ 297 h 2073"/>
                  <a:gd name="T2" fmla="*/ 875 w 2073"/>
                  <a:gd name="T3" fmla="*/ 425 h 2073"/>
                  <a:gd name="T4" fmla="*/ 684 w 2073"/>
                  <a:gd name="T5" fmla="*/ 522 h 2073"/>
                  <a:gd name="T6" fmla="*/ 584 w 2073"/>
                  <a:gd name="T7" fmla="*/ 708 h 2073"/>
                  <a:gd name="T8" fmla="*/ 620 w 2073"/>
                  <a:gd name="T9" fmla="*/ 919 h 2073"/>
                  <a:gd name="T10" fmla="*/ 787 w 2073"/>
                  <a:gd name="T11" fmla="*/ 1058 h 2073"/>
                  <a:gd name="T12" fmla="*/ 989 w 2073"/>
                  <a:gd name="T13" fmla="*/ 1475 h 2073"/>
                  <a:gd name="T14" fmla="*/ 845 w 2073"/>
                  <a:gd name="T15" fmla="*/ 1431 h 2073"/>
                  <a:gd name="T16" fmla="*/ 789 w 2073"/>
                  <a:gd name="T17" fmla="*/ 1347 h 2073"/>
                  <a:gd name="T18" fmla="*/ 754 w 2073"/>
                  <a:gd name="T19" fmla="*/ 1264 h 2073"/>
                  <a:gd name="T20" fmla="*/ 662 w 2073"/>
                  <a:gd name="T21" fmla="*/ 1226 h 2073"/>
                  <a:gd name="T22" fmla="*/ 568 w 2073"/>
                  <a:gd name="T23" fmla="*/ 1276 h 2073"/>
                  <a:gd name="T24" fmla="*/ 570 w 2073"/>
                  <a:gd name="T25" fmla="*/ 1411 h 2073"/>
                  <a:gd name="T26" fmla="*/ 684 w 2073"/>
                  <a:gd name="T27" fmla="*/ 1557 h 2073"/>
                  <a:gd name="T28" fmla="*/ 913 w 2073"/>
                  <a:gd name="T29" fmla="*/ 1644 h 2073"/>
                  <a:gd name="T30" fmla="*/ 1003 w 2073"/>
                  <a:gd name="T31" fmla="*/ 1796 h 2073"/>
                  <a:gd name="T32" fmla="*/ 1076 w 2073"/>
                  <a:gd name="T33" fmla="*/ 1796 h 2073"/>
                  <a:gd name="T34" fmla="*/ 1158 w 2073"/>
                  <a:gd name="T35" fmla="*/ 1644 h 2073"/>
                  <a:gd name="T36" fmla="*/ 1379 w 2073"/>
                  <a:gd name="T37" fmla="*/ 1565 h 2073"/>
                  <a:gd name="T38" fmla="*/ 1501 w 2073"/>
                  <a:gd name="T39" fmla="*/ 1403 h 2073"/>
                  <a:gd name="T40" fmla="*/ 1505 w 2073"/>
                  <a:gd name="T41" fmla="*/ 1180 h 2073"/>
                  <a:gd name="T42" fmla="*/ 1407 w 2073"/>
                  <a:gd name="T43" fmla="*/ 1033 h 2073"/>
                  <a:gd name="T44" fmla="*/ 1242 w 2073"/>
                  <a:gd name="T45" fmla="*/ 949 h 2073"/>
                  <a:gd name="T46" fmla="*/ 1090 w 2073"/>
                  <a:gd name="T47" fmla="*/ 584 h 2073"/>
                  <a:gd name="T48" fmla="*/ 1228 w 2073"/>
                  <a:gd name="T49" fmla="*/ 634 h 2073"/>
                  <a:gd name="T50" fmla="*/ 1306 w 2073"/>
                  <a:gd name="T51" fmla="*/ 724 h 2073"/>
                  <a:gd name="T52" fmla="*/ 1391 w 2073"/>
                  <a:gd name="T53" fmla="*/ 771 h 2073"/>
                  <a:gd name="T54" fmla="*/ 1485 w 2073"/>
                  <a:gd name="T55" fmla="*/ 722 h 2073"/>
                  <a:gd name="T56" fmla="*/ 1479 w 2073"/>
                  <a:gd name="T57" fmla="*/ 588 h 2073"/>
                  <a:gd name="T58" fmla="*/ 1345 w 2073"/>
                  <a:gd name="T59" fmla="*/ 474 h 2073"/>
                  <a:gd name="T60" fmla="*/ 1168 w 2073"/>
                  <a:gd name="T61" fmla="*/ 417 h 2073"/>
                  <a:gd name="T62" fmla="*/ 1086 w 2073"/>
                  <a:gd name="T63" fmla="*/ 297 h 2073"/>
                  <a:gd name="T64" fmla="*/ 1037 w 2073"/>
                  <a:gd name="T65" fmla="*/ 0 h 2073"/>
                  <a:gd name="T66" fmla="*/ 1465 w 2073"/>
                  <a:gd name="T67" fmla="*/ 94 h 2073"/>
                  <a:gd name="T68" fmla="*/ 1806 w 2073"/>
                  <a:gd name="T69" fmla="*/ 343 h 2073"/>
                  <a:gd name="T70" fmla="*/ 2019 w 2073"/>
                  <a:gd name="T71" fmla="*/ 710 h 2073"/>
                  <a:gd name="T72" fmla="*/ 2067 w 2073"/>
                  <a:gd name="T73" fmla="*/ 1150 h 2073"/>
                  <a:gd name="T74" fmla="*/ 1932 w 2073"/>
                  <a:gd name="T75" fmla="*/ 1561 h 2073"/>
                  <a:gd name="T76" fmla="*/ 1648 w 2073"/>
                  <a:gd name="T77" fmla="*/ 1874 h 2073"/>
                  <a:gd name="T78" fmla="*/ 1258 w 2073"/>
                  <a:gd name="T79" fmla="*/ 2049 h 2073"/>
                  <a:gd name="T80" fmla="*/ 813 w 2073"/>
                  <a:gd name="T81" fmla="*/ 2049 h 2073"/>
                  <a:gd name="T82" fmla="*/ 425 w 2073"/>
                  <a:gd name="T83" fmla="*/ 1874 h 2073"/>
                  <a:gd name="T84" fmla="*/ 142 w 2073"/>
                  <a:gd name="T85" fmla="*/ 1561 h 2073"/>
                  <a:gd name="T86" fmla="*/ 6 w 2073"/>
                  <a:gd name="T87" fmla="*/ 1150 h 2073"/>
                  <a:gd name="T88" fmla="*/ 52 w 2073"/>
                  <a:gd name="T89" fmla="*/ 710 h 2073"/>
                  <a:gd name="T90" fmla="*/ 267 w 2073"/>
                  <a:gd name="T91" fmla="*/ 343 h 2073"/>
                  <a:gd name="T92" fmla="*/ 608 w 2073"/>
                  <a:gd name="T93" fmla="*/ 94 h 2073"/>
                  <a:gd name="T94" fmla="*/ 1037 w 2073"/>
                  <a:gd name="T95" fmla="*/ 0 h 20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073" h="2073">
                    <a:moveTo>
                      <a:pt x="1039" y="259"/>
                    </a:moveTo>
                    <a:lnTo>
                      <a:pt x="1019" y="265"/>
                    </a:lnTo>
                    <a:lnTo>
                      <a:pt x="1003" y="277"/>
                    </a:lnTo>
                    <a:lnTo>
                      <a:pt x="993" y="297"/>
                    </a:lnTo>
                    <a:lnTo>
                      <a:pt x="989" y="317"/>
                    </a:lnTo>
                    <a:lnTo>
                      <a:pt x="989" y="409"/>
                    </a:lnTo>
                    <a:lnTo>
                      <a:pt x="931" y="415"/>
                    </a:lnTo>
                    <a:lnTo>
                      <a:pt x="875" y="425"/>
                    </a:lnTo>
                    <a:lnTo>
                      <a:pt x="821" y="441"/>
                    </a:lnTo>
                    <a:lnTo>
                      <a:pt x="771" y="460"/>
                    </a:lnTo>
                    <a:lnTo>
                      <a:pt x="726" y="488"/>
                    </a:lnTo>
                    <a:lnTo>
                      <a:pt x="684" y="522"/>
                    </a:lnTo>
                    <a:lnTo>
                      <a:pt x="650" y="560"/>
                    </a:lnTo>
                    <a:lnTo>
                      <a:pt x="620" y="604"/>
                    </a:lnTo>
                    <a:lnTo>
                      <a:pt x="598" y="654"/>
                    </a:lnTo>
                    <a:lnTo>
                      <a:pt x="584" y="708"/>
                    </a:lnTo>
                    <a:lnTo>
                      <a:pt x="580" y="769"/>
                    </a:lnTo>
                    <a:lnTo>
                      <a:pt x="584" y="823"/>
                    </a:lnTo>
                    <a:lnTo>
                      <a:pt x="598" y="873"/>
                    </a:lnTo>
                    <a:lnTo>
                      <a:pt x="620" y="919"/>
                    </a:lnTo>
                    <a:lnTo>
                      <a:pt x="652" y="961"/>
                    </a:lnTo>
                    <a:lnTo>
                      <a:pt x="690" y="997"/>
                    </a:lnTo>
                    <a:lnTo>
                      <a:pt x="736" y="1029"/>
                    </a:lnTo>
                    <a:lnTo>
                      <a:pt x="787" y="1058"/>
                    </a:lnTo>
                    <a:lnTo>
                      <a:pt x="849" y="1080"/>
                    </a:lnTo>
                    <a:lnTo>
                      <a:pt x="915" y="1100"/>
                    </a:lnTo>
                    <a:lnTo>
                      <a:pt x="989" y="1116"/>
                    </a:lnTo>
                    <a:lnTo>
                      <a:pt x="989" y="1475"/>
                    </a:lnTo>
                    <a:lnTo>
                      <a:pt x="941" y="1471"/>
                    </a:lnTo>
                    <a:lnTo>
                      <a:pt x="901" y="1461"/>
                    </a:lnTo>
                    <a:lnTo>
                      <a:pt x="869" y="1447"/>
                    </a:lnTo>
                    <a:lnTo>
                      <a:pt x="845" y="1431"/>
                    </a:lnTo>
                    <a:lnTo>
                      <a:pt x="825" y="1413"/>
                    </a:lnTo>
                    <a:lnTo>
                      <a:pt x="811" y="1391"/>
                    </a:lnTo>
                    <a:lnTo>
                      <a:pt x="799" y="1369"/>
                    </a:lnTo>
                    <a:lnTo>
                      <a:pt x="789" y="1347"/>
                    </a:lnTo>
                    <a:lnTo>
                      <a:pt x="781" y="1324"/>
                    </a:lnTo>
                    <a:lnTo>
                      <a:pt x="773" y="1302"/>
                    </a:lnTo>
                    <a:lnTo>
                      <a:pt x="765" y="1282"/>
                    </a:lnTo>
                    <a:lnTo>
                      <a:pt x="754" y="1264"/>
                    </a:lnTo>
                    <a:lnTo>
                      <a:pt x="738" y="1248"/>
                    </a:lnTo>
                    <a:lnTo>
                      <a:pt x="718" y="1238"/>
                    </a:lnTo>
                    <a:lnTo>
                      <a:pt x="694" y="1230"/>
                    </a:lnTo>
                    <a:lnTo>
                      <a:pt x="662" y="1226"/>
                    </a:lnTo>
                    <a:lnTo>
                      <a:pt x="630" y="1230"/>
                    </a:lnTo>
                    <a:lnTo>
                      <a:pt x="604" y="1240"/>
                    </a:lnTo>
                    <a:lnTo>
                      <a:pt x="584" y="1256"/>
                    </a:lnTo>
                    <a:lnTo>
                      <a:pt x="568" y="1276"/>
                    </a:lnTo>
                    <a:lnTo>
                      <a:pt x="558" y="1304"/>
                    </a:lnTo>
                    <a:lnTo>
                      <a:pt x="554" y="1336"/>
                    </a:lnTo>
                    <a:lnTo>
                      <a:pt x="558" y="1373"/>
                    </a:lnTo>
                    <a:lnTo>
                      <a:pt x="570" y="1411"/>
                    </a:lnTo>
                    <a:lnTo>
                      <a:pt x="586" y="1449"/>
                    </a:lnTo>
                    <a:lnTo>
                      <a:pt x="612" y="1487"/>
                    </a:lnTo>
                    <a:lnTo>
                      <a:pt x="644" y="1523"/>
                    </a:lnTo>
                    <a:lnTo>
                      <a:pt x="684" y="1557"/>
                    </a:lnTo>
                    <a:lnTo>
                      <a:pt x="730" y="1587"/>
                    </a:lnTo>
                    <a:lnTo>
                      <a:pt x="783" y="1613"/>
                    </a:lnTo>
                    <a:lnTo>
                      <a:pt x="845" y="1631"/>
                    </a:lnTo>
                    <a:lnTo>
                      <a:pt x="913" y="1644"/>
                    </a:lnTo>
                    <a:lnTo>
                      <a:pt x="989" y="1650"/>
                    </a:lnTo>
                    <a:lnTo>
                      <a:pt x="989" y="1756"/>
                    </a:lnTo>
                    <a:lnTo>
                      <a:pt x="993" y="1778"/>
                    </a:lnTo>
                    <a:lnTo>
                      <a:pt x="1003" y="1796"/>
                    </a:lnTo>
                    <a:lnTo>
                      <a:pt x="1019" y="1810"/>
                    </a:lnTo>
                    <a:lnTo>
                      <a:pt x="1041" y="1816"/>
                    </a:lnTo>
                    <a:lnTo>
                      <a:pt x="1060" y="1810"/>
                    </a:lnTo>
                    <a:lnTo>
                      <a:pt x="1076" y="1796"/>
                    </a:lnTo>
                    <a:lnTo>
                      <a:pt x="1086" y="1778"/>
                    </a:lnTo>
                    <a:lnTo>
                      <a:pt x="1090" y="1756"/>
                    </a:lnTo>
                    <a:lnTo>
                      <a:pt x="1090" y="1650"/>
                    </a:lnTo>
                    <a:lnTo>
                      <a:pt x="1158" y="1644"/>
                    </a:lnTo>
                    <a:lnTo>
                      <a:pt x="1222" y="1633"/>
                    </a:lnTo>
                    <a:lnTo>
                      <a:pt x="1280" y="1615"/>
                    </a:lnTo>
                    <a:lnTo>
                      <a:pt x="1332" y="1593"/>
                    </a:lnTo>
                    <a:lnTo>
                      <a:pt x="1379" y="1565"/>
                    </a:lnTo>
                    <a:lnTo>
                      <a:pt x="1419" y="1533"/>
                    </a:lnTo>
                    <a:lnTo>
                      <a:pt x="1455" y="1495"/>
                    </a:lnTo>
                    <a:lnTo>
                      <a:pt x="1481" y="1451"/>
                    </a:lnTo>
                    <a:lnTo>
                      <a:pt x="1501" y="1403"/>
                    </a:lnTo>
                    <a:lnTo>
                      <a:pt x="1513" y="1349"/>
                    </a:lnTo>
                    <a:lnTo>
                      <a:pt x="1519" y="1290"/>
                    </a:lnTo>
                    <a:lnTo>
                      <a:pt x="1515" y="1232"/>
                    </a:lnTo>
                    <a:lnTo>
                      <a:pt x="1505" y="1180"/>
                    </a:lnTo>
                    <a:lnTo>
                      <a:pt x="1489" y="1136"/>
                    </a:lnTo>
                    <a:lnTo>
                      <a:pt x="1467" y="1096"/>
                    </a:lnTo>
                    <a:lnTo>
                      <a:pt x="1439" y="1062"/>
                    </a:lnTo>
                    <a:lnTo>
                      <a:pt x="1407" y="1033"/>
                    </a:lnTo>
                    <a:lnTo>
                      <a:pt x="1371" y="1007"/>
                    </a:lnTo>
                    <a:lnTo>
                      <a:pt x="1332" y="985"/>
                    </a:lnTo>
                    <a:lnTo>
                      <a:pt x="1288" y="965"/>
                    </a:lnTo>
                    <a:lnTo>
                      <a:pt x="1242" y="949"/>
                    </a:lnTo>
                    <a:lnTo>
                      <a:pt x="1194" y="935"/>
                    </a:lnTo>
                    <a:lnTo>
                      <a:pt x="1142" y="921"/>
                    </a:lnTo>
                    <a:lnTo>
                      <a:pt x="1090" y="909"/>
                    </a:lnTo>
                    <a:lnTo>
                      <a:pt x="1090" y="584"/>
                    </a:lnTo>
                    <a:lnTo>
                      <a:pt x="1134" y="588"/>
                    </a:lnTo>
                    <a:lnTo>
                      <a:pt x="1172" y="600"/>
                    </a:lnTo>
                    <a:lnTo>
                      <a:pt x="1202" y="614"/>
                    </a:lnTo>
                    <a:lnTo>
                      <a:pt x="1228" y="634"/>
                    </a:lnTo>
                    <a:lnTo>
                      <a:pt x="1252" y="656"/>
                    </a:lnTo>
                    <a:lnTo>
                      <a:pt x="1270" y="680"/>
                    </a:lnTo>
                    <a:lnTo>
                      <a:pt x="1288" y="702"/>
                    </a:lnTo>
                    <a:lnTo>
                      <a:pt x="1306" y="724"/>
                    </a:lnTo>
                    <a:lnTo>
                      <a:pt x="1324" y="742"/>
                    </a:lnTo>
                    <a:lnTo>
                      <a:pt x="1343" y="757"/>
                    </a:lnTo>
                    <a:lnTo>
                      <a:pt x="1365" y="767"/>
                    </a:lnTo>
                    <a:lnTo>
                      <a:pt x="1391" y="771"/>
                    </a:lnTo>
                    <a:lnTo>
                      <a:pt x="1419" y="767"/>
                    </a:lnTo>
                    <a:lnTo>
                      <a:pt x="1445" y="757"/>
                    </a:lnTo>
                    <a:lnTo>
                      <a:pt x="1467" y="743"/>
                    </a:lnTo>
                    <a:lnTo>
                      <a:pt x="1485" y="722"/>
                    </a:lnTo>
                    <a:lnTo>
                      <a:pt x="1495" y="696"/>
                    </a:lnTo>
                    <a:lnTo>
                      <a:pt x="1499" y="664"/>
                    </a:lnTo>
                    <a:lnTo>
                      <a:pt x="1493" y="624"/>
                    </a:lnTo>
                    <a:lnTo>
                      <a:pt x="1479" y="588"/>
                    </a:lnTo>
                    <a:lnTo>
                      <a:pt x="1455" y="554"/>
                    </a:lnTo>
                    <a:lnTo>
                      <a:pt x="1423" y="524"/>
                    </a:lnTo>
                    <a:lnTo>
                      <a:pt x="1385" y="498"/>
                    </a:lnTo>
                    <a:lnTo>
                      <a:pt x="1345" y="474"/>
                    </a:lnTo>
                    <a:lnTo>
                      <a:pt x="1302" y="456"/>
                    </a:lnTo>
                    <a:lnTo>
                      <a:pt x="1256" y="439"/>
                    </a:lnTo>
                    <a:lnTo>
                      <a:pt x="1212" y="427"/>
                    </a:lnTo>
                    <a:lnTo>
                      <a:pt x="1168" y="417"/>
                    </a:lnTo>
                    <a:lnTo>
                      <a:pt x="1126" y="413"/>
                    </a:lnTo>
                    <a:lnTo>
                      <a:pt x="1090" y="409"/>
                    </a:lnTo>
                    <a:lnTo>
                      <a:pt x="1090" y="317"/>
                    </a:lnTo>
                    <a:lnTo>
                      <a:pt x="1086" y="297"/>
                    </a:lnTo>
                    <a:lnTo>
                      <a:pt x="1076" y="277"/>
                    </a:lnTo>
                    <a:lnTo>
                      <a:pt x="1060" y="265"/>
                    </a:lnTo>
                    <a:lnTo>
                      <a:pt x="1039" y="259"/>
                    </a:lnTo>
                    <a:close/>
                    <a:moveTo>
                      <a:pt x="1037" y="0"/>
                    </a:moveTo>
                    <a:lnTo>
                      <a:pt x="1148" y="6"/>
                    </a:lnTo>
                    <a:lnTo>
                      <a:pt x="1258" y="24"/>
                    </a:lnTo>
                    <a:lnTo>
                      <a:pt x="1363" y="54"/>
                    </a:lnTo>
                    <a:lnTo>
                      <a:pt x="1465" y="94"/>
                    </a:lnTo>
                    <a:lnTo>
                      <a:pt x="1559" y="142"/>
                    </a:lnTo>
                    <a:lnTo>
                      <a:pt x="1648" y="201"/>
                    </a:lnTo>
                    <a:lnTo>
                      <a:pt x="1730" y="267"/>
                    </a:lnTo>
                    <a:lnTo>
                      <a:pt x="1806" y="343"/>
                    </a:lnTo>
                    <a:lnTo>
                      <a:pt x="1874" y="425"/>
                    </a:lnTo>
                    <a:lnTo>
                      <a:pt x="1932" y="514"/>
                    </a:lnTo>
                    <a:lnTo>
                      <a:pt x="1981" y="610"/>
                    </a:lnTo>
                    <a:lnTo>
                      <a:pt x="2019" y="710"/>
                    </a:lnTo>
                    <a:lnTo>
                      <a:pt x="2049" y="815"/>
                    </a:lnTo>
                    <a:lnTo>
                      <a:pt x="2067" y="925"/>
                    </a:lnTo>
                    <a:lnTo>
                      <a:pt x="2073" y="1037"/>
                    </a:lnTo>
                    <a:lnTo>
                      <a:pt x="2067" y="1150"/>
                    </a:lnTo>
                    <a:lnTo>
                      <a:pt x="2049" y="1260"/>
                    </a:lnTo>
                    <a:lnTo>
                      <a:pt x="2021" y="1365"/>
                    </a:lnTo>
                    <a:lnTo>
                      <a:pt x="1981" y="1465"/>
                    </a:lnTo>
                    <a:lnTo>
                      <a:pt x="1932" y="1561"/>
                    </a:lnTo>
                    <a:lnTo>
                      <a:pt x="1874" y="1648"/>
                    </a:lnTo>
                    <a:lnTo>
                      <a:pt x="1806" y="1732"/>
                    </a:lnTo>
                    <a:lnTo>
                      <a:pt x="1730" y="1806"/>
                    </a:lnTo>
                    <a:lnTo>
                      <a:pt x="1648" y="1874"/>
                    </a:lnTo>
                    <a:lnTo>
                      <a:pt x="1559" y="1932"/>
                    </a:lnTo>
                    <a:lnTo>
                      <a:pt x="1465" y="1981"/>
                    </a:lnTo>
                    <a:lnTo>
                      <a:pt x="1363" y="2021"/>
                    </a:lnTo>
                    <a:lnTo>
                      <a:pt x="1258" y="2049"/>
                    </a:lnTo>
                    <a:lnTo>
                      <a:pt x="1148" y="2067"/>
                    </a:lnTo>
                    <a:lnTo>
                      <a:pt x="1037" y="2073"/>
                    </a:lnTo>
                    <a:lnTo>
                      <a:pt x="923" y="2067"/>
                    </a:lnTo>
                    <a:lnTo>
                      <a:pt x="813" y="2049"/>
                    </a:lnTo>
                    <a:lnTo>
                      <a:pt x="710" y="2021"/>
                    </a:lnTo>
                    <a:lnTo>
                      <a:pt x="608" y="1981"/>
                    </a:lnTo>
                    <a:lnTo>
                      <a:pt x="512" y="1932"/>
                    </a:lnTo>
                    <a:lnTo>
                      <a:pt x="425" y="1874"/>
                    </a:lnTo>
                    <a:lnTo>
                      <a:pt x="341" y="1806"/>
                    </a:lnTo>
                    <a:lnTo>
                      <a:pt x="267" y="1732"/>
                    </a:lnTo>
                    <a:lnTo>
                      <a:pt x="199" y="1648"/>
                    </a:lnTo>
                    <a:lnTo>
                      <a:pt x="142" y="1561"/>
                    </a:lnTo>
                    <a:lnTo>
                      <a:pt x="92" y="1465"/>
                    </a:lnTo>
                    <a:lnTo>
                      <a:pt x="52" y="1365"/>
                    </a:lnTo>
                    <a:lnTo>
                      <a:pt x="24" y="1260"/>
                    </a:lnTo>
                    <a:lnTo>
                      <a:pt x="6" y="1150"/>
                    </a:lnTo>
                    <a:lnTo>
                      <a:pt x="0" y="1037"/>
                    </a:lnTo>
                    <a:lnTo>
                      <a:pt x="6" y="925"/>
                    </a:lnTo>
                    <a:lnTo>
                      <a:pt x="24" y="815"/>
                    </a:lnTo>
                    <a:lnTo>
                      <a:pt x="52" y="710"/>
                    </a:lnTo>
                    <a:lnTo>
                      <a:pt x="92" y="610"/>
                    </a:lnTo>
                    <a:lnTo>
                      <a:pt x="142" y="514"/>
                    </a:lnTo>
                    <a:lnTo>
                      <a:pt x="199" y="425"/>
                    </a:lnTo>
                    <a:lnTo>
                      <a:pt x="267" y="343"/>
                    </a:lnTo>
                    <a:lnTo>
                      <a:pt x="341" y="267"/>
                    </a:lnTo>
                    <a:lnTo>
                      <a:pt x="425" y="201"/>
                    </a:lnTo>
                    <a:lnTo>
                      <a:pt x="512" y="142"/>
                    </a:lnTo>
                    <a:lnTo>
                      <a:pt x="608" y="94"/>
                    </a:lnTo>
                    <a:lnTo>
                      <a:pt x="710" y="54"/>
                    </a:lnTo>
                    <a:lnTo>
                      <a:pt x="813" y="24"/>
                    </a:lnTo>
                    <a:lnTo>
                      <a:pt x="923" y="6"/>
                    </a:lnTo>
                    <a:lnTo>
                      <a:pt x="1037"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grpSp>
        <p:sp>
          <p:nvSpPr>
            <p:cNvPr id="24" name="Freeform 28">
              <a:extLst>
                <a:ext uri="{FF2B5EF4-FFF2-40B4-BE49-F238E27FC236}">
                  <a16:creationId xmlns:a16="http://schemas.microsoft.com/office/drawing/2014/main" id="{A92FFD79-7705-4BE8-A67F-159DDD5859CC}"/>
                </a:ext>
              </a:extLst>
            </p:cNvPr>
            <p:cNvSpPr>
              <a:spLocks/>
            </p:cNvSpPr>
            <p:nvPr/>
          </p:nvSpPr>
          <p:spPr bwMode="auto">
            <a:xfrm rot="3305959">
              <a:off x="9350029" y="2781246"/>
              <a:ext cx="368924" cy="218660"/>
            </a:xfrm>
            <a:custGeom>
              <a:avLst/>
              <a:gdLst>
                <a:gd name="T0" fmla="*/ 3325 w 4218"/>
                <a:gd name="T1" fmla="*/ 0 h 2500"/>
                <a:gd name="T2" fmla="*/ 3359 w 4218"/>
                <a:gd name="T3" fmla="*/ 2 h 2500"/>
                <a:gd name="T4" fmla="*/ 4100 w 4218"/>
                <a:gd name="T5" fmla="*/ 158 h 2500"/>
                <a:gd name="T6" fmla="*/ 4130 w 4218"/>
                <a:gd name="T7" fmla="*/ 168 h 2500"/>
                <a:gd name="T8" fmla="*/ 4158 w 4218"/>
                <a:gd name="T9" fmla="*/ 184 h 2500"/>
                <a:gd name="T10" fmla="*/ 4182 w 4218"/>
                <a:gd name="T11" fmla="*/ 206 h 2500"/>
                <a:gd name="T12" fmla="*/ 4200 w 4218"/>
                <a:gd name="T13" fmla="*/ 234 h 2500"/>
                <a:gd name="T14" fmla="*/ 4214 w 4218"/>
                <a:gd name="T15" fmla="*/ 264 h 2500"/>
                <a:gd name="T16" fmla="*/ 4218 w 4218"/>
                <a:gd name="T17" fmla="*/ 295 h 2500"/>
                <a:gd name="T18" fmla="*/ 4216 w 4218"/>
                <a:gd name="T19" fmla="*/ 327 h 2500"/>
                <a:gd name="T20" fmla="*/ 4208 w 4218"/>
                <a:gd name="T21" fmla="*/ 359 h 2500"/>
                <a:gd name="T22" fmla="*/ 3921 w 4218"/>
                <a:gd name="T23" fmla="*/ 1059 h 2500"/>
                <a:gd name="T24" fmla="*/ 3905 w 4218"/>
                <a:gd name="T25" fmla="*/ 1089 h 2500"/>
                <a:gd name="T26" fmla="*/ 3883 w 4218"/>
                <a:gd name="T27" fmla="*/ 1115 h 2500"/>
                <a:gd name="T28" fmla="*/ 3855 w 4218"/>
                <a:gd name="T29" fmla="*/ 1133 h 2500"/>
                <a:gd name="T30" fmla="*/ 3825 w 4218"/>
                <a:gd name="T31" fmla="*/ 1147 h 2500"/>
                <a:gd name="T32" fmla="*/ 3791 w 4218"/>
                <a:gd name="T33" fmla="*/ 1153 h 2500"/>
                <a:gd name="T34" fmla="*/ 3783 w 4218"/>
                <a:gd name="T35" fmla="*/ 1153 h 2500"/>
                <a:gd name="T36" fmla="*/ 3751 w 4218"/>
                <a:gd name="T37" fmla="*/ 1149 h 2500"/>
                <a:gd name="T38" fmla="*/ 3721 w 4218"/>
                <a:gd name="T39" fmla="*/ 1139 h 2500"/>
                <a:gd name="T40" fmla="*/ 3693 w 4218"/>
                <a:gd name="T41" fmla="*/ 1123 h 2500"/>
                <a:gd name="T42" fmla="*/ 3670 w 4218"/>
                <a:gd name="T43" fmla="*/ 1101 h 2500"/>
                <a:gd name="T44" fmla="*/ 3652 w 4218"/>
                <a:gd name="T45" fmla="*/ 1073 h 2500"/>
                <a:gd name="T46" fmla="*/ 3502 w 4218"/>
                <a:gd name="T47" fmla="*/ 790 h 2500"/>
                <a:gd name="T48" fmla="*/ 217 w 4218"/>
                <a:gd name="T49" fmla="*/ 2484 h 2500"/>
                <a:gd name="T50" fmla="*/ 183 w 4218"/>
                <a:gd name="T51" fmla="*/ 2496 h 2500"/>
                <a:gd name="T52" fmla="*/ 149 w 4218"/>
                <a:gd name="T53" fmla="*/ 2500 h 2500"/>
                <a:gd name="T54" fmla="*/ 118 w 4218"/>
                <a:gd name="T55" fmla="*/ 2498 h 2500"/>
                <a:gd name="T56" fmla="*/ 88 w 4218"/>
                <a:gd name="T57" fmla="*/ 2486 h 2500"/>
                <a:gd name="T58" fmla="*/ 60 w 4218"/>
                <a:gd name="T59" fmla="*/ 2470 h 2500"/>
                <a:gd name="T60" fmla="*/ 36 w 4218"/>
                <a:gd name="T61" fmla="*/ 2448 h 2500"/>
                <a:gd name="T62" fmla="*/ 16 w 4218"/>
                <a:gd name="T63" fmla="*/ 2420 h 2500"/>
                <a:gd name="T64" fmla="*/ 4 w 4218"/>
                <a:gd name="T65" fmla="*/ 2388 h 2500"/>
                <a:gd name="T66" fmla="*/ 0 w 4218"/>
                <a:gd name="T67" fmla="*/ 2355 h 2500"/>
                <a:gd name="T68" fmla="*/ 4 w 4218"/>
                <a:gd name="T69" fmla="*/ 2323 h 2500"/>
                <a:gd name="T70" fmla="*/ 14 w 4218"/>
                <a:gd name="T71" fmla="*/ 2291 h 2500"/>
                <a:gd name="T72" fmla="*/ 30 w 4218"/>
                <a:gd name="T73" fmla="*/ 2263 h 2500"/>
                <a:gd name="T74" fmla="*/ 52 w 4218"/>
                <a:gd name="T75" fmla="*/ 2239 h 2500"/>
                <a:gd name="T76" fmla="*/ 82 w 4218"/>
                <a:gd name="T77" fmla="*/ 2219 h 2500"/>
                <a:gd name="T78" fmla="*/ 3361 w 4218"/>
                <a:gd name="T79" fmla="*/ 527 h 2500"/>
                <a:gd name="T80" fmla="*/ 3197 w 4218"/>
                <a:gd name="T81" fmla="*/ 220 h 2500"/>
                <a:gd name="T82" fmla="*/ 3185 w 4218"/>
                <a:gd name="T83" fmla="*/ 188 h 2500"/>
                <a:gd name="T84" fmla="*/ 3179 w 4218"/>
                <a:gd name="T85" fmla="*/ 154 h 2500"/>
                <a:gd name="T86" fmla="*/ 3183 w 4218"/>
                <a:gd name="T87" fmla="*/ 120 h 2500"/>
                <a:gd name="T88" fmla="*/ 3193 w 4218"/>
                <a:gd name="T89" fmla="*/ 88 h 2500"/>
                <a:gd name="T90" fmla="*/ 3209 w 4218"/>
                <a:gd name="T91" fmla="*/ 60 h 2500"/>
                <a:gd name="T92" fmla="*/ 3233 w 4218"/>
                <a:gd name="T93" fmla="*/ 34 h 2500"/>
                <a:gd name="T94" fmla="*/ 3261 w 4218"/>
                <a:gd name="T95" fmla="*/ 16 h 2500"/>
                <a:gd name="T96" fmla="*/ 3293 w 4218"/>
                <a:gd name="T97" fmla="*/ 4 h 2500"/>
                <a:gd name="T98" fmla="*/ 3325 w 4218"/>
                <a:gd name="T99" fmla="*/ 0 h 25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4218" h="2500">
                  <a:moveTo>
                    <a:pt x="3325" y="0"/>
                  </a:moveTo>
                  <a:lnTo>
                    <a:pt x="3359" y="2"/>
                  </a:lnTo>
                  <a:lnTo>
                    <a:pt x="4100" y="158"/>
                  </a:lnTo>
                  <a:lnTo>
                    <a:pt x="4130" y="168"/>
                  </a:lnTo>
                  <a:lnTo>
                    <a:pt x="4158" y="184"/>
                  </a:lnTo>
                  <a:lnTo>
                    <a:pt x="4182" y="206"/>
                  </a:lnTo>
                  <a:lnTo>
                    <a:pt x="4200" y="234"/>
                  </a:lnTo>
                  <a:lnTo>
                    <a:pt x="4214" y="264"/>
                  </a:lnTo>
                  <a:lnTo>
                    <a:pt x="4218" y="295"/>
                  </a:lnTo>
                  <a:lnTo>
                    <a:pt x="4216" y="327"/>
                  </a:lnTo>
                  <a:lnTo>
                    <a:pt x="4208" y="359"/>
                  </a:lnTo>
                  <a:lnTo>
                    <a:pt x="3921" y="1059"/>
                  </a:lnTo>
                  <a:lnTo>
                    <a:pt x="3905" y="1089"/>
                  </a:lnTo>
                  <a:lnTo>
                    <a:pt x="3883" y="1115"/>
                  </a:lnTo>
                  <a:lnTo>
                    <a:pt x="3855" y="1133"/>
                  </a:lnTo>
                  <a:lnTo>
                    <a:pt x="3825" y="1147"/>
                  </a:lnTo>
                  <a:lnTo>
                    <a:pt x="3791" y="1153"/>
                  </a:lnTo>
                  <a:lnTo>
                    <a:pt x="3783" y="1153"/>
                  </a:lnTo>
                  <a:lnTo>
                    <a:pt x="3751" y="1149"/>
                  </a:lnTo>
                  <a:lnTo>
                    <a:pt x="3721" y="1139"/>
                  </a:lnTo>
                  <a:lnTo>
                    <a:pt x="3693" y="1123"/>
                  </a:lnTo>
                  <a:lnTo>
                    <a:pt x="3670" y="1101"/>
                  </a:lnTo>
                  <a:lnTo>
                    <a:pt x="3652" y="1073"/>
                  </a:lnTo>
                  <a:lnTo>
                    <a:pt x="3502" y="790"/>
                  </a:lnTo>
                  <a:lnTo>
                    <a:pt x="217" y="2484"/>
                  </a:lnTo>
                  <a:lnTo>
                    <a:pt x="183" y="2496"/>
                  </a:lnTo>
                  <a:lnTo>
                    <a:pt x="149" y="2500"/>
                  </a:lnTo>
                  <a:lnTo>
                    <a:pt x="118" y="2498"/>
                  </a:lnTo>
                  <a:lnTo>
                    <a:pt x="88" y="2486"/>
                  </a:lnTo>
                  <a:lnTo>
                    <a:pt x="60" y="2470"/>
                  </a:lnTo>
                  <a:lnTo>
                    <a:pt x="36" y="2448"/>
                  </a:lnTo>
                  <a:lnTo>
                    <a:pt x="16" y="2420"/>
                  </a:lnTo>
                  <a:lnTo>
                    <a:pt x="4" y="2388"/>
                  </a:lnTo>
                  <a:lnTo>
                    <a:pt x="0" y="2355"/>
                  </a:lnTo>
                  <a:lnTo>
                    <a:pt x="4" y="2323"/>
                  </a:lnTo>
                  <a:lnTo>
                    <a:pt x="14" y="2291"/>
                  </a:lnTo>
                  <a:lnTo>
                    <a:pt x="30" y="2263"/>
                  </a:lnTo>
                  <a:lnTo>
                    <a:pt x="52" y="2239"/>
                  </a:lnTo>
                  <a:lnTo>
                    <a:pt x="82" y="2219"/>
                  </a:lnTo>
                  <a:lnTo>
                    <a:pt x="3361" y="527"/>
                  </a:lnTo>
                  <a:lnTo>
                    <a:pt x="3197" y="220"/>
                  </a:lnTo>
                  <a:lnTo>
                    <a:pt x="3185" y="188"/>
                  </a:lnTo>
                  <a:lnTo>
                    <a:pt x="3179" y="154"/>
                  </a:lnTo>
                  <a:lnTo>
                    <a:pt x="3183" y="120"/>
                  </a:lnTo>
                  <a:lnTo>
                    <a:pt x="3193" y="88"/>
                  </a:lnTo>
                  <a:lnTo>
                    <a:pt x="3209" y="60"/>
                  </a:lnTo>
                  <a:lnTo>
                    <a:pt x="3233" y="34"/>
                  </a:lnTo>
                  <a:lnTo>
                    <a:pt x="3261" y="16"/>
                  </a:lnTo>
                  <a:lnTo>
                    <a:pt x="3293" y="4"/>
                  </a:lnTo>
                  <a:lnTo>
                    <a:pt x="3325" y="0"/>
                  </a:lnTo>
                  <a:close/>
                </a:path>
              </a:pathLst>
            </a:custGeom>
            <a:grpFill/>
            <a:ln w="0">
              <a:noFill/>
              <a:prstDash val="solid"/>
              <a:round/>
              <a:headEnd/>
              <a:tailEnd/>
            </a:ln>
          </p:spPr>
          <p:txBody>
            <a:bodyPr vert="horz" wrap="square" lIns="68598" tIns="34299" rIns="68598" bIns="34299" numCol="1" anchor="t" anchorCtr="0" compatLnSpc="1">
              <a:prstTxWarp prst="textNoShape">
                <a:avLst/>
              </a:prstTxWarp>
            </a:bodyPr>
            <a:lstStyle/>
            <a:p>
              <a:pPr marL="0" marR="0" lvl="0" indent="0" defTabSz="1218987"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dirty="0">
                <a:ln>
                  <a:noFill/>
                </a:ln>
                <a:solidFill>
                  <a:prstClr val="black"/>
                </a:solidFill>
                <a:effectLst/>
                <a:uLnTx/>
                <a:uFillTx/>
                <a:latin typeface="AmplitudeTF" panose="02000506050000020004" pitchFamily="50" charset="0"/>
              </a:endParaRPr>
            </a:p>
          </p:txBody>
        </p:sp>
      </p:grpSp>
      <p:sp>
        <p:nvSpPr>
          <p:cNvPr id="29" name="TextBox 28">
            <a:extLst>
              <a:ext uri="{FF2B5EF4-FFF2-40B4-BE49-F238E27FC236}">
                <a16:creationId xmlns:a16="http://schemas.microsoft.com/office/drawing/2014/main" id="{E02AEB09-DE5B-4F7E-AF24-C6734408CF01}"/>
              </a:ext>
            </a:extLst>
          </p:cNvPr>
          <p:cNvSpPr txBox="1"/>
          <p:nvPr/>
        </p:nvSpPr>
        <p:spPr>
          <a:xfrm>
            <a:off x="4517136" y="3635279"/>
            <a:ext cx="6022527" cy="376257"/>
          </a:xfrm>
          <a:prstGeom prst="rect">
            <a:avLst/>
          </a:prstGeom>
          <a:noFill/>
        </p:spPr>
        <p:txBody>
          <a:bodyPr vert="horz" wrap="square" lIns="91440" tIns="45720" rIns="91440" bIns="45720" rtlCol="0" anchor="t">
            <a:spAutoFit/>
          </a:bodyPr>
          <a:lstStyle/>
          <a:p>
            <a:pPr algn="l">
              <a:lnSpc>
                <a:spcPct val="110000"/>
              </a:lnSpc>
            </a:pPr>
            <a:r>
              <a:rPr lang="en-US" sz="1800" b="1" i="0" dirty="0">
                <a:solidFill>
                  <a:schemeClr val="accent1"/>
                </a:solidFill>
                <a:latin typeface="AmplitudeTF" panose="02000506050000020004" pitchFamily="50" charset="0"/>
              </a:rPr>
              <a:t>LMS Advantages</a:t>
            </a:r>
          </a:p>
        </p:txBody>
      </p:sp>
    </p:spTree>
    <p:custDataLst>
      <p:tags r:id="rId1"/>
    </p:custDataLst>
    <p:extLst>
      <p:ext uri="{BB962C8B-B14F-4D97-AF65-F5344CB8AC3E}">
        <p14:creationId xmlns:p14="http://schemas.microsoft.com/office/powerpoint/2010/main" val="58439412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a:extLst>
              <a:ext uri="{FF2B5EF4-FFF2-40B4-BE49-F238E27FC236}">
                <a16:creationId xmlns:a16="http://schemas.microsoft.com/office/drawing/2014/main" id="{F172CCD7-8771-448D-B4EB-8F1DE9C16336}"/>
              </a:ext>
            </a:extLst>
          </p:cNvPr>
          <p:cNvSpPr>
            <a:spLocks noGrp="1"/>
          </p:cNvSpPr>
          <p:nvPr>
            <p:ph type="title"/>
          </p:nvPr>
        </p:nvSpPr>
        <p:spPr/>
        <p:txBody>
          <a:bodyPr/>
          <a:lstStyle/>
          <a:p>
            <a:r>
              <a:rPr lang="en-US" sz="2800" dirty="0"/>
              <a:t>Choosing a Learning Management System</a:t>
            </a:r>
          </a:p>
        </p:txBody>
      </p:sp>
      <p:grpSp>
        <p:nvGrpSpPr>
          <p:cNvPr id="63" name="Group 62">
            <a:extLst>
              <a:ext uri="{FF2B5EF4-FFF2-40B4-BE49-F238E27FC236}">
                <a16:creationId xmlns:a16="http://schemas.microsoft.com/office/drawing/2014/main" id="{9C9E6079-87A5-425A-9AC2-E4633B6B00F4}"/>
              </a:ext>
            </a:extLst>
          </p:cNvPr>
          <p:cNvGrpSpPr/>
          <p:nvPr/>
        </p:nvGrpSpPr>
        <p:grpSpPr>
          <a:xfrm>
            <a:off x="1165519" y="2252752"/>
            <a:ext cx="12786059" cy="4959474"/>
            <a:chOff x="2296191" y="2064107"/>
            <a:chExt cx="9239487" cy="4401370"/>
          </a:xfrm>
        </p:grpSpPr>
        <p:grpSp>
          <p:nvGrpSpPr>
            <p:cNvPr id="36" name="Group 17">
              <a:extLst>
                <a:ext uri="{FF2B5EF4-FFF2-40B4-BE49-F238E27FC236}">
                  <a16:creationId xmlns:a16="http://schemas.microsoft.com/office/drawing/2014/main" id="{7AB1727E-FB6E-4EF5-9A5C-5E6220C019FA}"/>
                </a:ext>
              </a:extLst>
            </p:cNvPr>
            <p:cNvGrpSpPr>
              <a:grpSpLocks noChangeAspect="1"/>
            </p:cNvGrpSpPr>
            <p:nvPr/>
          </p:nvGrpSpPr>
          <p:grpSpPr bwMode="auto">
            <a:xfrm>
              <a:off x="4778768" y="2082028"/>
              <a:ext cx="4158464" cy="4383449"/>
              <a:chOff x="2647" y="-190"/>
              <a:chExt cx="2218" cy="2338"/>
            </a:xfrm>
          </p:grpSpPr>
          <p:sp>
            <p:nvSpPr>
              <p:cNvPr id="37" name="Freeform 18">
                <a:extLst>
                  <a:ext uri="{FF2B5EF4-FFF2-40B4-BE49-F238E27FC236}">
                    <a16:creationId xmlns:a16="http://schemas.microsoft.com/office/drawing/2014/main" id="{71BCDC31-2985-40F6-B685-32EBC8ED8F43}"/>
                  </a:ext>
                </a:extLst>
              </p:cNvPr>
              <p:cNvSpPr>
                <a:spLocks/>
              </p:cNvSpPr>
              <p:nvPr/>
            </p:nvSpPr>
            <p:spPr bwMode="auto">
              <a:xfrm>
                <a:off x="3756" y="-190"/>
                <a:ext cx="1109" cy="1232"/>
              </a:xfrm>
              <a:custGeom>
                <a:avLst/>
                <a:gdLst>
                  <a:gd name="T0" fmla="*/ 9233 w 9233"/>
                  <a:gd name="T1" fmla="*/ 9233 h 9233"/>
                  <a:gd name="T2" fmla="*/ 0 w 9233"/>
                  <a:gd name="T3" fmla="*/ 0 h 9233"/>
                  <a:gd name="T4" fmla="*/ 0 w 9233"/>
                  <a:gd name="T5" fmla="*/ 0 h 9233"/>
                  <a:gd name="T6" fmla="*/ 0 w 9233"/>
                  <a:gd name="T7" fmla="*/ 5263 h 9233"/>
                  <a:gd name="T8" fmla="*/ 3970 w 9233"/>
                  <a:gd name="T9" fmla="*/ 9233 h 9233"/>
                  <a:gd name="T10" fmla="*/ 3970 w 9233"/>
                  <a:gd name="T11" fmla="*/ 9233 h 9233"/>
                  <a:gd name="T12" fmla="*/ 9233 w 9233"/>
                  <a:gd name="T13" fmla="*/ 9233 h 9233"/>
                </a:gdLst>
                <a:ahLst/>
                <a:cxnLst>
                  <a:cxn ang="0">
                    <a:pos x="T0" y="T1"/>
                  </a:cxn>
                  <a:cxn ang="0">
                    <a:pos x="T2" y="T3"/>
                  </a:cxn>
                  <a:cxn ang="0">
                    <a:pos x="T4" y="T5"/>
                  </a:cxn>
                  <a:cxn ang="0">
                    <a:pos x="T6" y="T7"/>
                  </a:cxn>
                  <a:cxn ang="0">
                    <a:pos x="T8" y="T9"/>
                  </a:cxn>
                  <a:cxn ang="0">
                    <a:pos x="T10" y="T11"/>
                  </a:cxn>
                  <a:cxn ang="0">
                    <a:pos x="T12" y="T13"/>
                  </a:cxn>
                </a:cxnLst>
                <a:rect l="0" t="0" r="r" b="b"/>
                <a:pathLst>
                  <a:path w="9233" h="9233">
                    <a:moveTo>
                      <a:pt x="9233" y="9233"/>
                    </a:moveTo>
                    <a:cubicBezTo>
                      <a:pt x="9233" y="4134"/>
                      <a:pt x="5099" y="0"/>
                      <a:pt x="0" y="0"/>
                    </a:cubicBezTo>
                    <a:cubicBezTo>
                      <a:pt x="0" y="0"/>
                      <a:pt x="0" y="0"/>
                      <a:pt x="0" y="0"/>
                    </a:cubicBezTo>
                    <a:lnTo>
                      <a:pt x="0" y="5263"/>
                    </a:lnTo>
                    <a:cubicBezTo>
                      <a:pt x="2193" y="5263"/>
                      <a:pt x="3970" y="7040"/>
                      <a:pt x="3970" y="9233"/>
                    </a:cubicBezTo>
                    <a:cubicBezTo>
                      <a:pt x="3970" y="9233"/>
                      <a:pt x="3970" y="9233"/>
                      <a:pt x="3970" y="9233"/>
                    </a:cubicBezTo>
                    <a:lnTo>
                      <a:pt x="9233" y="9233"/>
                    </a:lnTo>
                    <a:close/>
                  </a:path>
                </a:pathLst>
              </a:custGeom>
              <a:solidFill>
                <a:srgbClr val="478FBF"/>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38" name="Freeform 20">
                <a:extLst>
                  <a:ext uri="{FF2B5EF4-FFF2-40B4-BE49-F238E27FC236}">
                    <a16:creationId xmlns:a16="http://schemas.microsoft.com/office/drawing/2014/main" id="{1023DEB9-DD88-4CDF-93F5-A91C34ABCEDE}"/>
                  </a:ext>
                </a:extLst>
              </p:cNvPr>
              <p:cNvSpPr>
                <a:spLocks/>
              </p:cNvSpPr>
              <p:nvPr/>
            </p:nvSpPr>
            <p:spPr bwMode="auto">
              <a:xfrm>
                <a:off x="3756" y="1012"/>
                <a:ext cx="1109" cy="1135"/>
              </a:xfrm>
              <a:custGeom>
                <a:avLst/>
                <a:gdLst>
                  <a:gd name="T0" fmla="*/ 0 w 9233"/>
                  <a:gd name="T1" fmla="*/ 9233 h 9233"/>
                  <a:gd name="T2" fmla="*/ 9233 w 9233"/>
                  <a:gd name="T3" fmla="*/ 0 h 9233"/>
                  <a:gd name="T4" fmla="*/ 3970 w 9233"/>
                  <a:gd name="T5" fmla="*/ 0 h 9233"/>
                  <a:gd name="T6" fmla="*/ 0 w 9233"/>
                  <a:gd name="T7" fmla="*/ 3970 h 9233"/>
                  <a:gd name="T8" fmla="*/ 0 w 9233"/>
                  <a:gd name="T9" fmla="*/ 9233 h 9233"/>
                </a:gdLst>
                <a:ahLst/>
                <a:cxnLst>
                  <a:cxn ang="0">
                    <a:pos x="T0" y="T1"/>
                  </a:cxn>
                  <a:cxn ang="0">
                    <a:pos x="T2" y="T3"/>
                  </a:cxn>
                  <a:cxn ang="0">
                    <a:pos x="T4" y="T5"/>
                  </a:cxn>
                  <a:cxn ang="0">
                    <a:pos x="T6" y="T7"/>
                  </a:cxn>
                  <a:cxn ang="0">
                    <a:pos x="T8" y="T9"/>
                  </a:cxn>
                </a:cxnLst>
                <a:rect l="0" t="0" r="r" b="b"/>
                <a:pathLst>
                  <a:path w="9233" h="9233">
                    <a:moveTo>
                      <a:pt x="0" y="9233"/>
                    </a:moveTo>
                    <a:cubicBezTo>
                      <a:pt x="5099" y="9233"/>
                      <a:pt x="9233" y="5100"/>
                      <a:pt x="9233" y="0"/>
                    </a:cubicBezTo>
                    <a:lnTo>
                      <a:pt x="3970" y="0"/>
                    </a:lnTo>
                    <a:cubicBezTo>
                      <a:pt x="3970" y="2193"/>
                      <a:pt x="2193" y="3970"/>
                      <a:pt x="0" y="3970"/>
                    </a:cubicBezTo>
                    <a:lnTo>
                      <a:pt x="0" y="9233"/>
                    </a:lnTo>
                    <a:close/>
                  </a:path>
                </a:pathLst>
              </a:custGeom>
              <a:solidFill>
                <a:srgbClr val="0069A3"/>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39" name="Freeform 22">
                <a:extLst>
                  <a:ext uri="{FF2B5EF4-FFF2-40B4-BE49-F238E27FC236}">
                    <a16:creationId xmlns:a16="http://schemas.microsoft.com/office/drawing/2014/main" id="{94CED6D8-93A3-4544-A69B-063E0515C55E}"/>
                  </a:ext>
                </a:extLst>
              </p:cNvPr>
              <p:cNvSpPr>
                <a:spLocks/>
              </p:cNvSpPr>
              <p:nvPr/>
            </p:nvSpPr>
            <p:spPr bwMode="auto">
              <a:xfrm>
                <a:off x="2647" y="918"/>
                <a:ext cx="1109" cy="1230"/>
              </a:xfrm>
              <a:custGeom>
                <a:avLst/>
                <a:gdLst>
                  <a:gd name="T0" fmla="*/ 0 w 9234"/>
                  <a:gd name="T1" fmla="*/ 0 h 9233"/>
                  <a:gd name="T2" fmla="*/ 9234 w 9234"/>
                  <a:gd name="T3" fmla="*/ 9233 h 9233"/>
                  <a:gd name="T4" fmla="*/ 9234 w 9234"/>
                  <a:gd name="T5" fmla="*/ 3970 h 9233"/>
                  <a:gd name="T6" fmla="*/ 5263 w 9234"/>
                  <a:gd name="T7" fmla="*/ 0 h 9233"/>
                  <a:gd name="T8" fmla="*/ 0 w 9234"/>
                  <a:gd name="T9" fmla="*/ 0 h 9233"/>
                </a:gdLst>
                <a:ahLst/>
                <a:cxnLst>
                  <a:cxn ang="0">
                    <a:pos x="T0" y="T1"/>
                  </a:cxn>
                  <a:cxn ang="0">
                    <a:pos x="T2" y="T3"/>
                  </a:cxn>
                  <a:cxn ang="0">
                    <a:pos x="T4" y="T5"/>
                  </a:cxn>
                  <a:cxn ang="0">
                    <a:pos x="T6" y="T7"/>
                  </a:cxn>
                  <a:cxn ang="0">
                    <a:pos x="T8" y="T9"/>
                  </a:cxn>
                </a:cxnLst>
                <a:rect l="0" t="0" r="r" b="b"/>
                <a:pathLst>
                  <a:path w="9234" h="9233">
                    <a:moveTo>
                      <a:pt x="0" y="0"/>
                    </a:moveTo>
                    <a:cubicBezTo>
                      <a:pt x="0" y="5100"/>
                      <a:pt x="4134" y="9233"/>
                      <a:pt x="9234" y="9233"/>
                    </a:cubicBezTo>
                    <a:lnTo>
                      <a:pt x="9234" y="3970"/>
                    </a:lnTo>
                    <a:cubicBezTo>
                      <a:pt x="7041" y="3970"/>
                      <a:pt x="5263" y="2193"/>
                      <a:pt x="5263" y="0"/>
                    </a:cubicBezTo>
                    <a:lnTo>
                      <a:pt x="0" y="0"/>
                    </a:lnTo>
                    <a:close/>
                  </a:path>
                </a:pathLst>
              </a:custGeom>
              <a:solidFill>
                <a:srgbClr val="336C92"/>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sp>
            <p:nvSpPr>
              <p:cNvPr id="40" name="Freeform 24">
                <a:extLst>
                  <a:ext uri="{FF2B5EF4-FFF2-40B4-BE49-F238E27FC236}">
                    <a16:creationId xmlns:a16="http://schemas.microsoft.com/office/drawing/2014/main" id="{F4D606F6-EFEB-40F3-ADE2-AC220897EF4D}"/>
                  </a:ext>
                </a:extLst>
              </p:cNvPr>
              <p:cNvSpPr>
                <a:spLocks/>
              </p:cNvSpPr>
              <p:nvPr/>
            </p:nvSpPr>
            <p:spPr bwMode="auto">
              <a:xfrm>
                <a:off x="2647" y="-190"/>
                <a:ext cx="1109" cy="1232"/>
              </a:xfrm>
              <a:custGeom>
                <a:avLst/>
                <a:gdLst>
                  <a:gd name="T0" fmla="*/ 9234 w 9234"/>
                  <a:gd name="T1" fmla="*/ 0 h 9233"/>
                  <a:gd name="T2" fmla="*/ 0 w 9234"/>
                  <a:gd name="T3" fmla="*/ 9233 h 9233"/>
                  <a:gd name="T4" fmla="*/ 5263 w 9234"/>
                  <a:gd name="T5" fmla="*/ 9233 h 9233"/>
                  <a:gd name="T6" fmla="*/ 9234 w 9234"/>
                  <a:gd name="T7" fmla="*/ 5263 h 9233"/>
                  <a:gd name="T8" fmla="*/ 9234 w 9234"/>
                  <a:gd name="T9" fmla="*/ 0 h 9233"/>
                </a:gdLst>
                <a:ahLst/>
                <a:cxnLst>
                  <a:cxn ang="0">
                    <a:pos x="T0" y="T1"/>
                  </a:cxn>
                  <a:cxn ang="0">
                    <a:pos x="T2" y="T3"/>
                  </a:cxn>
                  <a:cxn ang="0">
                    <a:pos x="T4" y="T5"/>
                  </a:cxn>
                  <a:cxn ang="0">
                    <a:pos x="T6" y="T7"/>
                  </a:cxn>
                  <a:cxn ang="0">
                    <a:pos x="T8" y="T9"/>
                  </a:cxn>
                </a:cxnLst>
                <a:rect l="0" t="0" r="r" b="b"/>
                <a:pathLst>
                  <a:path w="9234" h="9233">
                    <a:moveTo>
                      <a:pt x="9234" y="0"/>
                    </a:moveTo>
                    <a:cubicBezTo>
                      <a:pt x="4134" y="0"/>
                      <a:pt x="0" y="4134"/>
                      <a:pt x="0" y="9233"/>
                    </a:cubicBezTo>
                    <a:lnTo>
                      <a:pt x="5263" y="9233"/>
                    </a:lnTo>
                    <a:cubicBezTo>
                      <a:pt x="5263" y="7040"/>
                      <a:pt x="7041" y="5263"/>
                      <a:pt x="9234" y="5263"/>
                    </a:cubicBezTo>
                    <a:lnTo>
                      <a:pt x="9234" y="0"/>
                    </a:lnTo>
                    <a:close/>
                  </a:path>
                </a:pathLst>
              </a:custGeom>
              <a:solidFill>
                <a:srgbClr val="91BCD9"/>
              </a:solidFill>
              <a:ln w="28575">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AmplitudeTF" panose="02000506050000020004" pitchFamily="50" charset="0"/>
                </a:endParaRPr>
              </a:p>
            </p:txBody>
          </p:sp>
        </p:grpSp>
        <p:sp>
          <p:nvSpPr>
            <p:cNvPr id="41" name="Rectangle 40">
              <a:extLst>
                <a:ext uri="{FF2B5EF4-FFF2-40B4-BE49-F238E27FC236}">
                  <a16:creationId xmlns:a16="http://schemas.microsoft.com/office/drawing/2014/main" id="{49AD39EF-C2EB-45D9-84E4-16ABBEA892C2}"/>
                </a:ext>
              </a:extLst>
            </p:cNvPr>
            <p:cNvSpPr>
              <a:spLocks noChangeArrowheads="1"/>
            </p:cNvSpPr>
            <p:nvPr/>
          </p:nvSpPr>
          <p:spPr bwMode="gray">
            <a:xfrm>
              <a:off x="5135830" y="2931733"/>
              <a:ext cx="1282032"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kern="0" dirty="0">
                  <a:solidFill>
                    <a:schemeClr val="bg1"/>
                  </a:solidFill>
                  <a:latin typeface="AmplitudeTF" panose="02000506050000020004" pitchFamily="50" charset="0"/>
                  <a:ea typeface="LF_Kai"/>
                </a:rPr>
                <a:t>Security</a:t>
              </a:r>
            </a:p>
          </p:txBody>
        </p:sp>
        <p:sp>
          <p:nvSpPr>
            <p:cNvPr id="42" name="Rectangle 41">
              <a:extLst>
                <a:ext uri="{FF2B5EF4-FFF2-40B4-BE49-F238E27FC236}">
                  <a16:creationId xmlns:a16="http://schemas.microsoft.com/office/drawing/2014/main" id="{7179B088-D8D3-47B5-BB1D-95C757679B38}"/>
                </a:ext>
              </a:extLst>
            </p:cNvPr>
            <p:cNvSpPr>
              <a:spLocks noChangeArrowheads="1"/>
            </p:cNvSpPr>
            <p:nvPr/>
          </p:nvSpPr>
          <p:spPr bwMode="gray">
            <a:xfrm>
              <a:off x="7095474" y="2940125"/>
              <a:ext cx="1372219"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kern="0" dirty="0">
                  <a:solidFill>
                    <a:schemeClr val="bg1"/>
                  </a:solidFill>
                  <a:latin typeface="AmplitudeTF" panose="02000506050000020004" pitchFamily="50" charset="0"/>
                </a:rPr>
                <a:t>Functionality</a:t>
              </a:r>
            </a:p>
          </p:txBody>
        </p:sp>
        <p:sp>
          <p:nvSpPr>
            <p:cNvPr id="43" name="Rectangle 42">
              <a:extLst>
                <a:ext uri="{FF2B5EF4-FFF2-40B4-BE49-F238E27FC236}">
                  <a16:creationId xmlns:a16="http://schemas.microsoft.com/office/drawing/2014/main" id="{050B3A9E-BDEC-4918-987C-52480410BCDC}"/>
                </a:ext>
              </a:extLst>
            </p:cNvPr>
            <p:cNvSpPr>
              <a:spLocks noChangeArrowheads="1"/>
            </p:cNvSpPr>
            <p:nvPr/>
          </p:nvSpPr>
          <p:spPr bwMode="gray">
            <a:xfrm>
              <a:off x="5126090" y="5000973"/>
              <a:ext cx="1461268"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kern="0" dirty="0">
                  <a:solidFill>
                    <a:schemeClr val="bg1"/>
                  </a:solidFill>
                  <a:latin typeface="AmplitudeTF" panose="02000506050000020004" pitchFamily="50" charset="0"/>
                </a:rPr>
                <a:t>Accessibility</a:t>
              </a:r>
            </a:p>
          </p:txBody>
        </p:sp>
        <p:sp>
          <p:nvSpPr>
            <p:cNvPr id="44" name="Rectangle 43">
              <a:extLst>
                <a:ext uri="{FF2B5EF4-FFF2-40B4-BE49-F238E27FC236}">
                  <a16:creationId xmlns:a16="http://schemas.microsoft.com/office/drawing/2014/main" id="{48A2D6F4-63D3-45C1-84CE-F06190E13C8E}"/>
                </a:ext>
              </a:extLst>
            </p:cNvPr>
            <p:cNvSpPr>
              <a:spLocks noChangeArrowheads="1"/>
            </p:cNvSpPr>
            <p:nvPr/>
          </p:nvSpPr>
          <p:spPr bwMode="gray">
            <a:xfrm>
              <a:off x="7069680" y="5151407"/>
              <a:ext cx="1230425" cy="830715"/>
            </a:xfrm>
            <a:prstGeom prst="rect">
              <a:avLst/>
            </a:prstGeom>
            <a:noFill/>
            <a:ln w="76200">
              <a:noFill/>
              <a:miter lim="800000"/>
              <a:headEnd/>
              <a:tailEnd/>
            </a:ln>
          </p:spPr>
          <p:txBody>
            <a:bodyPr lIns="0" tIns="0" rIns="0" bIns="0" anchor="ctr"/>
            <a:lstStyle/>
            <a:p>
              <a:pPr algn="ctr" defTabSz="1005840" eaLnBrk="0" hangingPunct="0">
                <a:buClr>
                  <a:srgbClr val="C0C0C0"/>
                </a:buClr>
                <a:buSzPct val="92000"/>
                <a:defRPr/>
              </a:pPr>
              <a:r>
                <a:rPr lang="en-US" sz="1800" b="1" kern="0" dirty="0">
                  <a:solidFill>
                    <a:schemeClr val="bg1"/>
                  </a:solidFill>
                  <a:latin typeface="AmplitudeTF" panose="02000506050000020004" pitchFamily="50" charset="0"/>
                </a:rPr>
                <a:t>Efficiency &amp; Compatibility</a:t>
              </a:r>
            </a:p>
          </p:txBody>
        </p:sp>
        <p:sp>
          <p:nvSpPr>
            <p:cNvPr id="45" name="Rectangle 44">
              <a:extLst>
                <a:ext uri="{FF2B5EF4-FFF2-40B4-BE49-F238E27FC236}">
                  <a16:creationId xmlns:a16="http://schemas.microsoft.com/office/drawing/2014/main" id="{FA92575D-B9E9-4715-984C-E766F301A404}"/>
                </a:ext>
              </a:extLst>
            </p:cNvPr>
            <p:cNvSpPr/>
            <p:nvPr>
              <p:custDataLst>
                <p:tags r:id="rId3"/>
              </p:custDataLst>
            </p:nvPr>
          </p:nvSpPr>
          <p:spPr>
            <a:xfrm>
              <a:off x="8201023" y="2068830"/>
              <a:ext cx="3334654" cy="40971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The LMS selected needs to be able to serve organizational goals.</a:t>
              </a:r>
            </a:p>
          </p:txBody>
        </p:sp>
        <p:sp>
          <p:nvSpPr>
            <p:cNvPr id="46" name="Rectangle 45">
              <a:extLst>
                <a:ext uri="{FF2B5EF4-FFF2-40B4-BE49-F238E27FC236}">
                  <a16:creationId xmlns:a16="http://schemas.microsoft.com/office/drawing/2014/main" id="{D8776E48-6986-4A3F-8993-C04299BDDE4F}"/>
                </a:ext>
              </a:extLst>
            </p:cNvPr>
            <p:cNvSpPr/>
            <p:nvPr>
              <p:custDataLst>
                <p:tags r:id="rId4"/>
              </p:custDataLst>
            </p:nvPr>
          </p:nvSpPr>
          <p:spPr>
            <a:xfrm>
              <a:off x="8629542" y="2611869"/>
              <a:ext cx="2549670" cy="204856"/>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Is there a need to certify or test the user</a:t>
              </a:r>
              <a:r>
                <a:rPr lang="en-US" sz="1320" dirty="0">
                  <a:solidFill>
                    <a:schemeClr val="bg1">
                      <a:lumMod val="50000"/>
                    </a:schemeClr>
                  </a:solidFill>
                  <a:latin typeface="AmplitudeTF" panose="02000506050000020004" pitchFamily="50" charset="0"/>
                </a:rPr>
                <a:t>?</a:t>
              </a:r>
            </a:p>
          </p:txBody>
        </p:sp>
        <p:sp>
          <p:nvSpPr>
            <p:cNvPr id="47" name="Rectangle 46">
              <a:extLst>
                <a:ext uri="{FF2B5EF4-FFF2-40B4-BE49-F238E27FC236}">
                  <a16:creationId xmlns:a16="http://schemas.microsoft.com/office/drawing/2014/main" id="{1C6DE5FE-ACE1-4949-9557-0A390DE8F882}"/>
                </a:ext>
              </a:extLst>
            </p:cNvPr>
            <p:cNvSpPr/>
            <p:nvPr>
              <p:custDataLst>
                <p:tags r:id="rId5"/>
              </p:custDataLst>
            </p:nvPr>
          </p:nvSpPr>
          <p:spPr>
            <a:xfrm>
              <a:off x="8937232" y="3024110"/>
              <a:ext cx="2598446" cy="40971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What is the ease of transferring existing content into the LMS?</a:t>
              </a:r>
            </a:p>
          </p:txBody>
        </p:sp>
        <p:sp>
          <p:nvSpPr>
            <p:cNvPr id="48" name="Rectangle 47">
              <a:extLst>
                <a:ext uri="{FF2B5EF4-FFF2-40B4-BE49-F238E27FC236}">
                  <a16:creationId xmlns:a16="http://schemas.microsoft.com/office/drawing/2014/main" id="{C083B69A-5717-4931-AAF4-8EFB8136C6BD}"/>
                </a:ext>
              </a:extLst>
            </p:cNvPr>
            <p:cNvSpPr/>
            <p:nvPr>
              <p:custDataLst>
                <p:tags r:id="rId6"/>
              </p:custDataLst>
            </p:nvPr>
          </p:nvSpPr>
          <p:spPr>
            <a:xfrm>
              <a:off x="9048750" y="4654485"/>
              <a:ext cx="2362961" cy="40971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Will the LMS need to work across a wide variety of operating systems?</a:t>
              </a:r>
            </a:p>
          </p:txBody>
        </p:sp>
        <p:sp>
          <p:nvSpPr>
            <p:cNvPr id="49" name="Rectangle 48">
              <a:extLst>
                <a:ext uri="{FF2B5EF4-FFF2-40B4-BE49-F238E27FC236}">
                  <a16:creationId xmlns:a16="http://schemas.microsoft.com/office/drawing/2014/main" id="{103DF603-699C-49C2-A686-B40AD381CADD}"/>
                </a:ext>
              </a:extLst>
            </p:cNvPr>
            <p:cNvSpPr/>
            <p:nvPr>
              <p:custDataLst>
                <p:tags r:id="rId7"/>
              </p:custDataLst>
            </p:nvPr>
          </p:nvSpPr>
          <p:spPr>
            <a:xfrm>
              <a:off x="9054974" y="5312431"/>
              <a:ext cx="2362962" cy="614568"/>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Do you expect the LMS to be able to be used across multiple platforms (Mobile, PC, Tablet)?</a:t>
              </a:r>
            </a:p>
          </p:txBody>
        </p:sp>
        <p:sp>
          <p:nvSpPr>
            <p:cNvPr id="51" name="Rectangle 50">
              <a:extLst>
                <a:ext uri="{FF2B5EF4-FFF2-40B4-BE49-F238E27FC236}">
                  <a16:creationId xmlns:a16="http://schemas.microsoft.com/office/drawing/2014/main" id="{407E1540-4BB5-4DFD-8430-17F57BC57937}"/>
                </a:ext>
              </a:extLst>
            </p:cNvPr>
            <p:cNvSpPr/>
            <p:nvPr>
              <p:custDataLst>
                <p:tags r:id="rId8"/>
              </p:custDataLst>
            </p:nvPr>
          </p:nvSpPr>
          <p:spPr>
            <a:xfrm>
              <a:off x="2300959" y="2064107"/>
              <a:ext cx="2906125" cy="614568"/>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Do you need to protect individual profile data or Personal Identifiable Information (PII) like ID numbers, addresses, or names?</a:t>
              </a:r>
            </a:p>
          </p:txBody>
        </p:sp>
        <p:sp>
          <p:nvSpPr>
            <p:cNvPr id="53" name="Rectangle 52">
              <a:extLst>
                <a:ext uri="{FF2B5EF4-FFF2-40B4-BE49-F238E27FC236}">
                  <a16:creationId xmlns:a16="http://schemas.microsoft.com/office/drawing/2014/main" id="{B8E8AFA4-7DC3-4411-B274-EAAB8EB017B1}"/>
                </a:ext>
              </a:extLst>
            </p:cNvPr>
            <p:cNvSpPr/>
            <p:nvPr>
              <p:custDataLst>
                <p:tags r:id="rId9"/>
              </p:custDataLst>
            </p:nvPr>
          </p:nvSpPr>
          <p:spPr>
            <a:xfrm>
              <a:off x="2296191" y="3517075"/>
              <a:ext cx="2422743" cy="409712"/>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cs typeface="Times New Roman" panose="02020603050405020304" pitchFamily="18" charset="0"/>
                </a:rPr>
                <a:t>Do you need periodic prompts for users to change their passwords?</a:t>
              </a:r>
              <a:endParaRPr lang="en-US" sz="1500" dirty="0">
                <a:solidFill>
                  <a:schemeClr val="bg1">
                    <a:lumMod val="50000"/>
                  </a:schemeClr>
                </a:solidFill>
                <a:latin typeface="AmplitudeTF" panose="02000506050000020004" pitchFamily="50" charset="0"/>
              </a:endParaRPr>
            </a:p>
          </p:txBody>
        </p:sp>
        <p:sp>
          <p:nvSpPr>
            <p:cNvPr id="54" name="Rectangle 53">
              <a:extLst>
                <a:ext uri="{FF2B5EF4-FFF2-40B4-BE49-F238E27FC236}">
                  <a16:creationId xmlns:a16="http://schemas.microsoft.com/office/drawing/2014/main" id="{E9E4D178-EF44-4187-8619-03459B66576C}"/>
                </a:ext>
              </a:extLst>
            </p:cNvPr>
            <p:cNvSpPr/>
            <p:nvPr>
              <p:custDataLst>
                <p:tags r:id="rId10"/>
              </p:custDataLst>
            </p:nvPr>
          </p:nvSpPr>
          <p:spPr>
            <a:xfrm>
              <a:off x="2300960" y="2895759"/>
              <a:ext cx="2785500" cy="409712"/>
            </a:xfrm>
            <a:prstGeom prst="rect">
              <a:avLst/>
            </a:prstGeom>
          </p:spPr>
          <p:txBody>
            <a:bodyPr wrap="square" lIns="0" tIns="0" rIns="0" bIns="0">
              <a:spAutoFit/>
            </a:bodyPr>
            <a:lstStyle/>
            <a:p>
              <a:pPr marL="150876" lvl="1" indent="-150876" fontAlgn="b">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What level of ID and password protection do you need?</a:t>
              </a:r>
            </a:p>
          </p:txBody>
        </p:sp>
        <p:sp>
          <p:nvSpPr>
            <p:cNvPr id="55" name="Rectangle 54">
              <a:extLst>
                <a:ext uri="{FF2B5EF4-FFF2-40B4-BE49-F238E27FC236}">
                  <a16:creationId xmlns:a16="http://schemas.microsoft.com/office/drawing/2014/main" id="{0A708EE4-FB8F-4AF1-BD83-AD9E01CA6986}"/>
                </a:ext>
              </a:extLst>
            </p:cNvPr>
            <p:cNvSpPr/>
            <p:nvPr/>
          </p:nvSpPr>
          <p:spPr>
            <a:xfrm>
              <a:off x="2300959" y="4654485"/>
              <a:ext cx="2477809" cy="40971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Are there any accessibility requirements that your users will need?</a:t>
              </a:r>
            </a:p>
          </p:txBody>
        </p:sp>
        <p:sp>
          <p:nvSpPr>
            <p:cNvPr id="56" name="Rectangle 55">
              <a:extLst>
                <a:ext uri="{FF2B5EF4-FFF2-40B4-BE49-F238E27FC236}">
                  <a16:creationId xmlns:a16="http://schemas.microsoft.com/office/drawing/2014/main" id="{22CE2597-85B5-4D35-BE15-A30FDF0B8FD5}"/>
                </a:ext>
              </a:extLst>
            </p:cNvPr>
            <p:cNvSpPr/>
            <p:nvPr/>
          </p:nvSpPr>
          <p:spPr>
            <a:xfrm>
              <a:off x="2300959" y="5289893"/>
              <a:ext cx="2675274" cy="40971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Will you need the LMS to have specific assistive technologies?</a:t>
              </a:r>
            </a:p>
          </p:txBody>
        </p:sp>
        <p:sp>
          <p:nvSpPr>
            <p:cNvPr id="57" name="Rectangle 56">
              <a:extLst>
                <a:ext uri="{FF2B5EF4-FFF2-40B4-BE49-F238E27FC236}">
                  <a16:creationId xmlns:a16="http://schemas.microsoft.com/office/drawing/2014/main" id="{DBE414A5-E014-4787-94F9-28E37038A1A8}"/>
                </a:ext>
              </a:extLst>
            </p:cNvPr>
            <p:cNvSpPr/>
            <p:nvPr/>
          </p:nvSpPr>
          <p:spPr>
            <a:xfrm>
              <a:off x="2300959" y="5843288"/>
              <a:ext cx="2906125" cy="409712"/>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Examples: Text-to-speech, Speech Recognition, High Contrast Color Options, Screen Magnifier</a:t>
              </a:r>
            </a:p>
          </p:txBody>
        </p:sp>
        <p:cxnSp>
          <p:nvCxnSpPr>
            <p:cNvPr id="58" name="Straight Connector 57">
              <a:extLst>
                <a:ext uri="{FF2B5EF4-FFF2-40B4-BE49-F238E27FC236}">
                  <a16:creationId xmlns:a16="http://schemas.microsoft.com/office/drawing/2014/main" id="{1B2CC2E1-FD40-4DD3-BEF2-68BDB5831B88}"/>
                </a:ext>
              </a:extLst>
            </p:cNvPr>
            <p:cNvCxnSpPr>
              <a:cxnSpLocks/>
              <a:stCxn id="38" idx="1"/>
            </p:cNvCxnSpPr>
            <p:nvPr/>
          </p:nvCxnSpPr>
          <p:spPr>
            <a:xfrm flipV="1">
              <a:off x="8937233" y="4335252"/>
              <a:ext cx="2593402" cy="680"/>
            </a:xfrm>
            <a:prstGeom prst="line">
              <a:avLst/>
            </a:prstGeom>
            <a:ln w="41275">
              <a:gradFill flip="none" rotWithShape="1">
                <a:gsLst>
                  <a:gs pos="31000">
                    <a:schemeClr val="bg2">
                      <a:lumMod val="40000"/>
                      <a:lumOff val="60000"/>
                    </a:schemeClr>
                  </a:gs>
                  <a:gs pos="100000">
                    <a:schemeClr val="bg2">
                      <a:lumMod val="40000"/>
                      <a:lumOff val="60000"/>
                      <a:alpha val="0"/>
                    </a:schemeClr>
                  </a:gs>
                </a:gsLst>
                <a:lin ang="0" scaled="1"/>
                <a:tileRect/>
              </a:gradFill>
              <a:prstDash val="sysDash"/>
            </a:ln>
          </p:spPr>
          <p:style>
            <a:lnRef idx="1">
              <a:schemeClr val="accent1"/>
            </a:lnRef>
            <a:fillRef idx="0">
              <a:schemeClr val="accent1"/>
            </a:fillRef>
            <a:effectRef idx="0">
              <a:schemeClr val="accent1"/>
            </a:effectRef>
            <a:fontRef idx="minor">
              <a:schemeClr val="tx1"/>
            </a:fontRef>
          </p:style>
        </p:cxnSp>
        <p:cxnSp>
          <p:nvCxnSpPr>
            <p:cNvPr id="59" name="Straight Connector 58">
              <a:extLst>
                <a:ext uri="{FF2B5EF4-FFF2-40B4-BE49-F238E27FC236}">
                  <a16:creationId xmlns:a16="http://schemas.microsoft.com/office/drawing/2014/main" id="{420C452B-F75F-446B-9C43-1D5070CDB604}"/>
                </a:ext>
              </a:extLst>
            </p:cNvPr>
            <p:cNvCxnSpPr/>
            <p:nvPr/>
          </p:nvCxnSpPr>
          <p:spPr>
            <a:xfrm>
              <a:off x="2304289" y="4391869"/>
              <a:ext cx="2474479" cy="0"/>
            </a:xfrm>
            <a:prstGeom prst="line">
              <a:avLst/>
            </a:prstGeom>
            <a:ln w="41275">
              <a:gradFill flip="none" rotWithShape="1">
                <a:gsLst>
                  <a:gs pos="31000">
                    <a:schemeClr val="bg2">
                      <a:lumMod val="40000"/>
                      <a:lumOff val="60000"/>
                    </a:schemeClr>
                  </a:gs>
                  <a:gs pos="100000">
                    <a:schemeClr val="bg2">
                      <a:lumMod val="40000"/>
                      <a:lumOff val="60000"/>
                      <a:alpha val="0"/>
                    </a:schemeClr>
                  </a:gs>
                </a:gsLst>
                <a:lin ang="10800000" scaled="1"/>
                <a:tileRect/>
              </a:gradFill>
              <a:prstDash val="sysDash"/>
            </a:ln>
          </p:spPr>
          <p:style>
            <a:lnRef idx="1">
              <a:schemeClr val="accent1"/>
            </a:lnRef>
            <a:fillRef idx="0">
              <a:schemeClr val="accent1"/>
            </a:fillRef>
            <a:effectRef idx="0">
              <a:schemeClr val="accent1"/>
            </a:effectRef>
            <a:fontRef idx="minor">
              <a:schemeClr val="tx1"/>
            </a:fontRef>
          </p:style>
        </p:cxnSp>
        <p:sp>
          <p:nvSpPr>
            <p:cNvPr id="62" name="Oval 61">
              <a:extLst>
                <a:ext uri="{FF2B5EF4-FFF2-40B4-BE49-F238E27FC236}">
                  <a16:creationId xmlns:a16="http://schemas.microsoft.com/office/drawing/2014/main" id="{454971D7-6C79-4CAE-A33C-6148C645F7CA}"/>
                </a:ext>
              </a:extLst>
            </p:cNvPr>
            <p:cNvSpPr/>
            <p:nvPr/>
          </p:nvSpPr>
          <p:spPr>
            <a:xfrm>
              <a:off x="5938017" y="3371294"/>
              <a:ext cx="1839966" cy="1965200"/>
            </a:xfrm>
            <a:prstGeom prst="ellipse">
              <a:avLst/>
            </a:prstGeom>
            <a:solidFill>
              <a:schemeClr val="bg1"/>
            </a:solidFill>
            <a:ln w="9525">
              <a:noFill/>
            </a:ln>
            <a:effectLst>
              <a:outerShdw blurRad="368300" dist="38100" dir="2700000" sx="97000" sy="97000" algn="tl" rotWithShape="0">
                <a:prstClr val="black">
                  <a:alpha val="29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0">
              <a:prstTxWarp prst="textNoShape">
                <a:avLst/>
              </a:prstTxWarp>
              <a:noAutofit/>
            </a:bodyPr>
            <a:lstStyle/>
            <a:p>
              <a:pPr algn="ctr" defTabSz="1005840" eaLnBrk="0" hangingPunct="0">
                <a:lnSpc>
                  <a:spcPct val="110000"/>
                </a:lnSpc>
                <a:buClr>
                  <a:srgbClr val="C0C0C0"/>
                </a:buClr>
                <a:buSzPct val="92000"/>
                <a:defRPr/>
              </a:pPr>
              <a:r>
                <a:rPr lang="en-US" sz="1800" b="1" kern="0" cap="all" dirty="0">
                  <a:solidFill>
                    <a:srgbClr val="0069A3"/>
                  </a:solidFill>
                  <a:latin typeface="AmplitudeTF" panose="02000506050000020004" pitchFamily="50" charset="0"/>
                  <a:ea typeface="LF_Kai"/>
                </a:rPr>
                <a:t>DEFINE YOUR REQUIREMENTS</a:t>
              </a:r>
            </a:p>
          </p:txBody>
        </p:sp>
      </p:grpSp>
      <p:sp>
        <p:nvSpPr>
          <p:cNvPr id="72" name="TextBox 71">
            <a:extLst>
              <a:ext uri="{FF2B5EF4-FFF2-40B4-BE49-F238E27FC236}">
                <a16:creationId xmlns:a16="http://schemas.microsoft.com/office/drawing/2014/main" id="{5C65057B-BB6A-49EB-9DCF-9694E1CF68D2}"/>
              </a:ext>
            </a:extLst>
          </p:cNvPr>
          <p:cNvSpPr txBox="1"/>
          <p:nvPr/>
        </p:nvSpPr>
        <p:spPr>
          <a:xfrm>
            <a:off x="1172117" y="1548323"/>
            <a:ext cx="6893569" cy="407804"/>
          </a:xfrm>
          <a:prstGeom prst="rect">
            <a:avLst/>
          </a:prstGeom>
          <a:noFill/>
        </p:spPr>
        <p:txBody>
          <a:bodyPr vert="horz" wrap="square" lIns="91440" tIns="45720" rIns="91440" bIns="45720" rtlCol="0" anchor="t">
            <a:spAutoFit/>
          </a:bodyPr>
          <a:lstStyle/>
          <a:p>
            <a:pPr algn="l">
              <a:lnSpc>
                <a:spcPct val="110000"/>
              </a:lnSpc>
            </a:pPr>
            <a:r>
              <a:rPr lang="en-US" sz="2000" b="1" i="0" dirty="0">
                <a:solidFill>
                  <a:schemeClr val="accent1"/>
                </a:solidFill>
                <a:latin typeface="AmplitudeTF" panose="02000506050000020004" pitchFamily="50" charset="0"/>
              </a:rPr>
              <a:t>Distinguish between </a:t>
            </a:r>
            <a:r>
              <a:rPr lang="en-US" sz="2000" b="1" i="0" u="sng" dirty="0">
                <a:solidFill>
                  <a:schemeClr val="accent1"/>
                </a:solidFill>
                <a:latin typeface="AmplitudeTF" panose="02000506050000020004" pitchFamily="50" charset="0"/>
              </a:rPr>
              <a:t>M</a:t>
            </a:r>
            <a:r>
              <a:rPr lang="en-US" sz="2000" b="1" u="sng" dirty="0">
                <a:solidFill>
                  <a:schemeClr val="accent1"/>
                </a:solidFill>
                <a:latin typeface="AmplitudeTF" panose="02000506050000020004" pitchFamily="50" charset="0"/>
              </a:rPr>
              <a:t>ust-have</a:t>
            </a:r>
            <a:r>
              <a:rPr lang="en-US" sz="2000" b="1" dirty="0">
                <a:solidFill>
                  <a:schemeClr val="accent1"/>
                </a:solidFill>
                <a:latin typeface="AmplitudeTF" panose="02000506050000020004" pitchFamily="50" charset="0"/>
              </a:rPr>
              <a:t> and </a:t>
            </a:r>
            <a:r>
              <a:rPr lang="en-US" sz="2000" b="1" u="sng" dirty="0">
                <a:solidFill>
                  <a:schemeClr val="accent1"/>
                </a:solidFill>
                <a:latin typeface="AmplitudeTF" panose="02000506050000020004" pitchFamily="50" charset="0"/>
              </a:rPr>
              <a:t>Nice-to-have</a:t>
            </a:r>
            <a:r>
              <a:rPr lang="en-US" sz="2000" b="1" dirty="0">
                <a:solidFill>
                  <a:schemeClr val="accent1"/>
                </a:solidFill>
                <a:latin typeface="AmplitudeTF" panose="02000506050000020004" pitchFamily="50" charset="0"/>
              </a:rPr>
              <a:t> capabilities</a:t>
            </a:r>
            <a:endParaRPr lang="en-US" sz="2000" b="1" i="0" dirty="0">
              <a:solidFill>
                <a:schemeClr val="accent1"/>
              </a:solidFill>
              <a:latin typeface="AmplitudeTF" panose="02000506050000020004" pitchFamily="50" charset="0"/>
            </a:endParaRPr>
          </a:p>
        </p:txBody>
      </p:sp>
      <p:sp>
        <p:nvSpPr>
          <p:cNvPr id="76" name="Rectangle 75">
            <a:extLst>
              <a:ext uri="{FF2B5EF4-FFF2-40B4-BE49-F238E27FC236}">
                <a16:creationId xmlns:a16="http://schemas.microsoft.com/office/drawing/2014/main" id="{9FECBC77-262C-4730-9A6D-F25F6404E397}"/>
              </a:ext>
            </a:extLst>
          </p:cNvPr>
          <p:cNvSpPr/>
          <p:nvPr>
            <p:custDataLst>
              <p:tags r:id="rId2"/>
            </p:custDataLst>
          </p:nvPr>
        </p:nvSpPr>
        <p:spPr>
          <a:xfrm>
            <a:off x="10510045" y="4028840"/>
            <a:ext cx="3441533" cy="461665"/>
          </a:xfrm>
          <a:prstGeom prst="rect">
            <a:avLst/>
          </a:prstGeom>
        </p:spPr>
        <p:txBody>
          <a:bodyPr wrap="square" lIns="0" tIns="0" rIns="0" bIns="0">
            <a:spAutoFit/>
          </a:bodyPr>
          <a:lstStyle/>
          <a:p>
            <a:pPr marL="150876" lvl="1" indent="-150876" fontAlgn="b">
              <a:spcBef>
                <a:spcPts val="364"/>
              </a:spcBef>
              <a:spcAft>
                <a:spcPts val="219"/>
              </a:spcAft>
              <a:buClr>
                <a:srgbClr val="478FBF"/>
              </a:buClr>
              <a:buSzPct val="125000"/>
              <a:buFont typeface="Wingdings" panose="05000000000000000000" pitchFamily="2" charset="2"/>
              <a:buChar char="§"/>
              <a:defRPr/>
            </a:pPr>
            <a:r>
              <a:rPr lang="en-US" sz="1500" dirty="0">
                <a:solidFill>
                  <a:schemeClr val="bg1">
                    <a:lumMod val="50000"/>
                  </a:schemeClr>
                </a:solidFill>
                <a:latin typeface="AmplitudeTF" panose="02000506050000020004" pitchFamily="50" charset="0"/>
              </a:rPr>
              <a:t>What is the ease of creating new content in the LMS?</a:t>
            </a:r>
          </a:p>
        </p:txBody>
      </p:sp>
    </p:spTree>
    <p:custDataLst>
      <p:tags r:id="rId1"/>
    </p:custDataLst>
    <p:extLst>
      <p:ext uri="{BB962C8B-B14F-4D97-AF65-F5344CB8AC3E}">
        <p14:creationId xmlns:p14="http://schemas.microsoft.com/office/powerpoint/2010/main" val="2252747942"/>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VERSIONHASH" val="oEPR7013YDACV1OW/yTvP98MGmsri81YEpjyvw3k9LM="/>
  <p:tag name="TEMPLATEVERSIONDATE" val="10/25/2019 15:18:15"/>
  <p:tag name="TEMPLATENAME" val="PitchPRO+"/>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tru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ForceRefresh&gt;false&lt;/ForceRefresh&gt;&#10;  &lt;CoverPageSubTitle&gt;true&lt;/CoverPageSubTitle&gt;&#10;  &lt;CoverPageTitle&gt;true&lt;/CoverPageTitle&gt;&#10;  &lt;ShowAgenda&gt;true&lt;/ShowAgenda&gt;&#10;  &lt;TemplatePageLabel&gt;true&lt;/TemplatePageLabel&gt;&#10;  &lt;TemplateVerticalRunner&gt;true&lt;/TemplateVerticalRunner&gt;&#10;&lt;/PowerpointRefreshOptions&gt;"/>
  <p:tag name="SLIDEMASTERBRANDLOGORIGHT" val="1097.28"/>
  <p:tag name="SLIDEMASTERBRANDLOGOBOTTOM" val="609.84"/>
  <p:tag name="SLIDEMASTERBRANDLOGOHEIGHT" val="23.76"/>
  <p:tag name="SLIDEMASTERBRANDLOGOWIDTH" val="149.76"/>
  <p:tag name="ISUNDOENTRY" val=""/>
  <p:tag name="ISROOTUNDO" val=""/>
  <p:tag name="SKIPCONVERSIONCHECK" val="true"/>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"/>
  <p:tag name="PITCHPROSLIDECOUNT" val="13"/>
</p:tagLst>
</file>

<file path=ppt/tags/tag10.xml><?xml version="1.0" encoding="utf-8"?>
<p:tagLst xmlns:a="http://schemas.openxmlformats.org/drawingml/2006/main" xmlns:r="http://schemas.openxmlformats.org/officeDocument/2006/relationships" xmlns:p="http://schemas.openxmlformats.org/presentationml/2006/main">
  <p:tag name="APIADDED" val="True"/>
  <p:tag name="DISTRIBUTIONTYPE" val="External"/>
  <p:tag name="PITCHPROSLIDEID" val="257"/>
  <p:tag name="PRESENTATIONID" val="e9b5effe-b764-4d41-b98a-d8d70a32b199"/>
</p:tagLst>
</file>

<file path=ppt/tags/tag11.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12.xml><?xml version="1.0" encoding="utf-8"?>
<p:tagLst xmlns:a="http://schemas.openxmlformats.org/drawingml/2006/main" xmlns:r="http://schemas.openxmlformats.org/officeDocument/2006/relationships" xmlns:p="http://schemas.openxmlformats.org/presentationml/2006/main">
  <p:tag name="PITCHPROSLIDEID" val="268"/>
  <p:tag name="PRESENTATIONID" val="e9b5effe-b764-4d41-b98a-d8d70a32b199"/>
  <p:tag name="APIADDED" val="True"/>
  <p:tag name="DISTRIBUTIONTYPE" val="External"/>
</p:tagLst>
</file>

<file path=ppt/tags/tag1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6"/>
  <p:tag name="PRESENTATIONID" val="e9b5effe-b764-4d41-b98a-d8d70a32b199"/>
</p:tagLst>
</file>

<file path=ppt/tags/tag1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8"/>
  <p:tag name="PRESENTATIONID" val="e9b5effe-b764-4d41-b98a-d8d70a32b199"/>
</p:tagLst>
</file>

<file path=ppt/tags/tag1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9"/>
  <p:tag name="PRESENTATIONID" val="e9b5effe-b764-4d41-b98a-d8d70a32b199"/>
</p:tagLst>
</file>

<file path=ppt/tags/tag1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1"/>
  <p:tag name="PRESENTATIONID" val="e9b5effe-b764-4d41-b98a-d8d70a32b199"/>
</p:tagLst>
</file>

<file path=ppt/tags/tag1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2"/>
  <p:tag name="PRESENTATIONID" val="e9b5effe-b764-4d41-b98a-d8d70a32b199"/>
</p:tagLst>
</file>

<file path=ppt/tags/tag1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3"/>
  <p:tag name="PRESENTATIONID" val="e9b5effe-b764-4d41-b98a-d8d70a32b199"/>
</p:tagLst>
</file>

<file path=ppt/tags/tag1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4"/>
  <p:tag name="PRESENTATIONID" val="e9b5effe-b764-4d41-b98a-d8d70a32b199"/>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20.xml><?xml version="1.0" encoding="utf-8"?>
<p:tagLst xmlns:a="http://schemas.openxmlformats.org/drawingml/2006/main" xmlns:r="http://schemas.openxmlformats.org/officeDocument/2006/relationships" xmlns:p="http://schemas.openxmlformats.org/presentationml/2006/main">
  <p:tag name="SHAPEFONTSIZE" val="9"/>
</p:tagLst>
</file>

<file path=ppt/tags/tag21.xml><?xml version="1.0" encoding="utf-8"?>
<p:tagLst xmlns:a="http://schemas.openxmlformats.org/drawingml/2006/main" xmlns:r="http://schemas.openxmlformats.org/officeDocument/2006/relationships" xmlns:p="http://schemas.openxmlformats.org/presentationml/2006/main">
  <p:tag name="SHAPEFONTSIZE" val="9"/>
</p:tagLst>
</file>

<file path=ppt/tags/tag22.xml><?xml version="1.0" encoding="utf-8"?>
<p:tagLst xmlns:a="http://schemas.openxmlformats.org/drawingml/2006/main" xmlns:r="http://schemas.openxmlformats.org/officeDocument/2006/relationships" xmlns:p="http://schemas.openxmlformats.org/presentationml/2006/main">
  <p:tag name="SHAPEFONTSIZE" val="9"/>
</p:tagLst>
</file>

<file path=ppt/tags/tag23.xml><?xml version="1.0" encoding="utf-8"?>
<p:tagLst xmlns:a="http://schemas.openxmlformats.org/drawingml/2006/main" xmlns:r="http://schemas.openxmlformats.org/officeDocument/2006/relationships" xmlns:p="http://schemas.openxmlformats.org/presentationml/2006/main">
  <p:tag name="SHAPEFONTSIZE" val="9"/>
</p:tagLst>
</file>

<file path=ppt/tags/tag24.xml><?xml version="1.0" encoding="utf-8"?>
<p:tagLst xmlns:a="http://schemas.openxmlformats.org/drawingml/2006/main" xmlns:r="http://schemas.openxmlformats.org/officeDocument/2006/relationships" xmlns:p="http://schemas.openxmlformats.org/presentationml/2006/main">
  <p:tag name="SHAPEFONTSIZE" val="9"/>
</p:tagLst>
</file>

<file path=ppt/tags/tag25.xml><?xml version="1.0" encoding="utf-8"?>
<p:tagLst xmlns:a="http://schemas.openxmlformats.org/drawingml/2006/main" xmlns:r="http://schemas.openxmlformats.org/officeDocument/2006/relationships" xmlns:p="http://schemas.openxmlformats.org/presentationml/2006/main">
  <p:tag name="SHAPEFONTSIZE" val="9"/>
</p:tagLst>
</file>

<file path=ppt/tags/tag26.xml><?xml version="1.0" encoding="utf-8"?>
<p:tagLst xmlns:a="http://schemas.openxmlformats.org/drawingml/2006/main" xmlns:r="http://schemas.openxmlformats.org/officeDocument/2006/relationships" xmlns:p="http://schemas.openxmlformats.org/presentationml/2006/main">
  <p:tag name="SHAPEFONTSIZE" val="9"/>
</p:tagLst>
</file>

<file path=ppt/tags/tag27.xml><?xml version="1.0" encoding="utf-8"?>
<p:tagLst xmlns:a="http://schemas.openxmlformats.org/drawingml/2006/main" xmlns:r="http://schemas.openxmlformats.org/officeDocument/2006/relationships" xmlns:p="http://schemas.openxmlformats.org/presentationml/2006/main">
  <p:tag name="SHAPEFONTSIZE" val="9"/>
</p:tagLst>
</file>

<file path=ppt/tags/tag28.xml><?xml version="1.0" encoding="utf-8"?>
<p:tagLst xmlns:a="http://schemas.openxmlformats.org/drawingml/2006/main" xmlns:r="http://schemas.openxmlformats.org/officeDocument/2006/relationships" xmlns:p="http://schemas.openxmlformats.org/presentationml/2006/main">
  <p:tag name="SHAPEFONTSIZE" val="9"/>
</p:tagLst>
</file>

<file path=ppt/tags/tag2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5"/>
  <p:tag name="PRESENTATIONID" val="e9b5effe-b764-4d41-b98a-d8d70a32b199"/>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3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6"/>
  <p:tag name="PRESENTATIONID" val="e9b5effe-b764-4d41-b98a-d8d70a32b199"/>
</p:tagLst>
</file>

<file path=ppt/tags/tag3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9"/>
  <p:tag name="PRESENTATIONID" val="e9b5effe-b764-4d41-b98a-d8d70a32b199"/>
</p:tagLst>
</file>

<file path=ppt/tags/tag3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7"/>
  <p:tag name="PRESENTATIONID" val="e9b5effe-b764-4d41-b98a-d8d70a32b199"/>
</p:tagLst>
</file>

<file path=ppt/tags/tag33.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4.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6.xml><?xml version="1.0" encoding="utf-8"?>
<p:tagLst xmlns:a="http://schemas.openxmlformats.org/drawingml/2006/main" xmlns:r="http://schemas.openxmlformats.org/officeDocument/2006/relationships" xmlns:p="http://schemas.openxmlformats.org/presentationml/2006/main">
  <p:tag name="LOGOTYPE" val="CoverGraphic"/>
</p:tagLst>
</file>

<file path=ppt/tags/tag7.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8.xml><?xml version="1.0" encoding="utf-8"?>
<p:tagLst xmlns:a="http://schemas.openxmlformats.org/drawingml/2006/main" xmlns:r="http://schemas.openxmlformats.org/officeDocument/2006/relationships" xmlns:p="http://schemas.openxmlformats.org/presentationml/2006/main">
  <p:tag name="AGENDASHAPE" val="AgendaTitle"/>
</p:tagLst>
</file>

<file path=ppt/tags/tag9.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heme/theme1.xml><?xml version="1.0" encoding="utf-8"?>
<a:theme xmlns:a="http://schemas.openxmlformats.org/drawingml/2006/main" name="PP+ UnifiedGIB - Widescreen">
  <a:themeElements>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172, 166, 162)">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 136, 191)">
      <a:srgbClr val="A388BF"/>
    </a:custClr>
    <a:custClr name="Dark Orange. RGB(139,70,13)">
      <a:srgbClr val="8B460D"/>
    </a:custClr>
    <a:custClr name="Orange. RGB(237,134,0)">
      <a:srgbClr val="ED8600"/>
    </a:custClr>
    <a:custClr name="Lime. RGB(166,182,64)">
      <a:srgbClr val="A6B640"/>
    </a:custClr>
    <a:custClr name="Map Grey. RGB(221,220,219)">
      <a:srgbClr val="DDDCDB"/>
    </a:custClr>
    <a:custClr name="Red. RGB(227,39,38)">
      <a:srgbClr val="E32726"/>
    </a:custClr>
    <a:custClr name="Yellow. RGB(255,207,1)">
      <a:srgbClr val="FFCF01"/>
    </a:custClr>
    <a:custClr name="Green. RGB(0,171,78)">
      <a:srgbClr val="00AB4E"/>
    </a:custClr>
    <a:custClr name="Asia Red. RGB(186,12,47)">
      <a:srgbClr val="BA0C2F"/>
    </a:custClr>
    <a:custClr name="Neutral Grey. RGB(233,231,229)">
      <a:srgbClr val="E9E7E5"/>
    </a:custClr>
    <a:custClr name="40% of Ice Blue. RGB(208, 224, 232)">
      <a:srgbClr val="D0E0E8"/>
    </a:custClr>
    <a:custClr name="40% Sand. RGB(235, 224, 172)">
      <a:srgbClr val="EBE0AC"/>
    </a:custClr>
    <a:custClr name="40% Lilac. RGB(188, 190, 222)">
      <a:srgbClr val="BCBEDE"/>
    </a:custClr>
    <a:custClr name="H- Glacier Blue. RGB(221,234,237)">
      <a:srgbClr val="DDEAED"/>
    </a:custClr>
  </a:custClrLst>
  <a:extLst>
    <a:ext uri="{05A4C25C-085E-4340-85A3-A5531E510DB2}">
      <thm15:themeFamily xmlns:thm15="http://schemas.microsoft.com/office/thememl/2012/main" name="cb4997ae-3b18-411f-bcf7-f1ad5b3259da.potx" id="{205D6587-0B03-4059-BA7D-8505E7700609}" vid="{FD09AA67-3802-45A4-B006-1DE72A73D904}"/>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Record_x0020_Owner xmlns="e866b0dc-26f4-4c7c-849f-80ab9d82399c">
      <UserInfo>
        <DisplayName>Gomez, Anna X</DisplayName>
        <AccountId>43</AccountId>
        <AccountType/>
      </UserInfo>
    </Record_x0020_Owner>
    <Record_x0020_Class_x0020_Code xmlns="e866b0dc-26f4-4c7c-849f-80ab9d82399c">US: BIZ010Y</Record_x0020_Class_x0020_Code>
    <Record_x0020_Status xmlns="e866b0dc-26f4-4c7c-849f-80ab9d82399c">Work In Progress</Record_x0020_Status>
    <Record_x0020_ID xmlns="e866b0dc-26f4-4c7c-849f-80ab9d82399c">44650245</Record_x0020_ID>
    <Record_x0020_Retention_x0020_Start_x0020_Date xmlns="e866b0dc-26f4-4c7c-849f-80ab9d82399c">2020-07-02T04:00:00+00:00</Record_x0020_Retention_x0020_Start_x0020_Date>
    <Record_x0020_Class_x0020_Code_x0020_Local xmlns="e866b0dc-26f4-4c7c-849f-80ab9d82399c">BIZ010Y</Record_x0020_Class_x0020_Code_x0020_Local>
    <Record_x0020_Retention_x0020_End_x0020_Date xmlns="e866b0dc-26f4-4c7c-849f-80ab9d82399c">2030-07-02T04:00:00+00:00</Record_x0020_Retention_x0020_End_x0020_Date>
    <Record_x0020_Legal_x0020_Hold xmlns="e866b0dc-26f4-4c7c-849f-80ab9d82399c">false</Record_x0020_Legal_x0020_Hold>
    <Record_x0020_Class_x0020_Code_x0020_Country xmlns="e866b0dc-26f4-4c7c-849f-80ab9d82399c">United States</Record_x0020_Class_x0020_Code_x0020_Country>
    <Record_x0020_Retention_x0020_Type xmlns="e866b0dc-26f4-4c7c-849f-80ab9d82399c">Flat</Record_x0020_Retention_x0020_Type>
  </documentManagement>
</p:properties>
</file>

<file path=customXml/item3.xml><?xml version="1.0" encoding="utf-8"?>
<ct:contentTypeSchema xmlns:ct="http://schemas.microsoft.com/office/2006/metadata/contentType" xmlns:ma="http://schemas.microsoft.com/office/2006/metadata/properties/metaAttributes" ct:_="" ma:_="" ma:contentTypeName="JPMC Record" ma:contentTypeID="0x010100B04218B855DC944F9A559450E98DF04000317D809B83BE644EAD5526593C665108" ma:contentTypeVersion="31" ma:contentTypeDescription="Create a new record in this library." ma:contentTypeScope="" ma:versionID="752c062eb46aa0087d6ec522779f9eed">
  <xsd:schema xmlns:xsd="http://www.w3.org/2001/XMLSchema" xmlns:xs="http://www.w3.org/2001/XMLSchema" xmlns:p="http://schemas.microsoft.com/office/2006/metadata/properties" xmlns:ns2="e866b0dc-26f4-4c7c-849f-80ab9d82399c" targetNamespace="http://schemas.microsoft.com/office/2006/metadata/properties" ma:root="true" ma:fieldsID="7ce0083acf7428bf39a8e1bfd29665f3" ns2:_="">
    <xsd:import namespace="e866b0dc-26f4-4c7c-849f-80ab9d82399c"/>
    <xsd:element name="properties">
      <xsd:complexType>
        <xsd:sequence>
          <xsd:element name="documentManagement">
            <xsd:complexType>
              <xsd:all>
                <xsd:element ref="ns2:Record_x0020_ID" minOccurs="0"/>
                <xsd:element ref="ns2:Record_x0020_Status" minOccurs="0"/>
                <xsd:element ref="ns2:Record_x0020_Class_x0020_Code" minOccurs="0"/>
                <xsd:element ref="ns2:Record_x0020_Class_x0020_Code_x0020_Country" minOccurs="0"/>
                <xsd:element ref="ns2:Record_x0020_Class_x0020_Code_x0020_Local" minOccurs="0"/>
                <xsd:element ref="ns2:Record_x0020_Owner" minOccurs="0"/>
                <xsd:element ref="ns2:Record_x0020_Finalized_x0020_By" minOccurs="0"/>
                <xsd:element ref="ns2:Record_x0020_Finalized_x0020_On" minOccurs="0"/>
                <xsd:element ref="ns2:Record_x0020_Retention_x0020_Type" minOccurs="0"/>
                <xsd:element ref="ns2:Record_x0020_Retention_x0020_Start_x0020_Date" minOccurs="0"/>
                <xsd:element ref="ns2:Record_x0020_Retention_x0020_End_x0020_Date" minOccurs="0"/>
                <xsd:element ref="ns2:Record_x0020_Legal_x0020_Hold"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e866b0dc-26f4-4c7c-849f-80ab9d82399c" elementFormDefault="qualified">
    <xsd:import namespace="http://schemas.microsoft.com/office/2006/documentManagement/types"/>
    <xsd:import namespace="http://schemas.microsoft.com/office/infopath/2007/PartnerControls"/>
    <xsd:element name="Record_x0020_ID" ma:index="8" nillable="true" ma:displayName="Record ID" ma:description="Record ID" ma:internalName="Record_x0020_ID" ma:readOnly="true">
      <xsd:simpleType>
        <xsd:restriction base="dms:Unknown"/>
      </xsd:simpleType>
    </xsd:element>
    <xsd:element name="Record_x0020_Status" ma:index="9" nillable="true" ma:displayName="Record Status" ma:description="Record Status" ma:internalName="Record_x0020_Status" ma:readOnly="true">
      <xsd:simpleType>
        <xsd:restriction base="dms:Text"/>
      </xsd:simpleType>
    </xsd:element>
    <xsd:element name="Record_x0020_Class_x0020_Code" ma:index="10" nillable="true" ma:displayName="Record Class Code" ma:description="Record Class Code" ma:internalName="Record_x0020_Class_x0020_Code" ma:readOnly="true">
      <xsd:simpleType>
        <xsd:restriction base="dms:Text"/>
      </xsd:simpleType>
    </xsd:element>
    <xsd:element name="Record_x0020_Class_x0020_Code_x0020_Country" ma:index="11" nillable="true" ma:displayName="Record Class Code Country" ma:description="Record Class Code Country" ma:internalName="Record_x0020_Class_x0020_Code_x0020_Country" ma:readOnly="true">
      <xsd:simpleType>
        <xsd:restriction base="dms:Text"/>
      </xsd:simpleType>
    </xsd:element>
    <xsd:element name="Record_x0020_Class_x0020_Code_x0020_Local" ma:index="12" nillable="true" ma:displayName="Record Class Code Local" ma:description="Record Class Code Local" ma:internalName="Record_x0020_Class_x0020_Code_x0020_Local" ma:readOnly="true">
      <xsd:simpleType>
        <xsd:restriction base="dms:Text"/>
      </xsd:simpleType>
    </xsd:element>
    <xsd:element name="Record_x0020_Owner" ma:index="13" nillable="true" ma:displayName="Record Owner" ma:description="Record Owner" ma:list="UserInfo" ma:internalName="Record_x0020_Owner" ma:readOnly="true">
      <xsd:complexType>
        <xsd:complexContent>
          <xsd:extension base="dms:User">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Record_x0020_Finalized_x0020_By" ma:index="14" nillable="true" ma:displayName="Record Finalized By" ma:description="Record Finalized By" ma:list="UserInfo" ma:internalName="Record_x0020_Finalized_x0020_By" ma:readOnly="true">
      <xsd:complexType>
        <xsd:complexContent>
          <xsd:extension base="dms:User">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Record_x0020_Finalized_x0020_On" ma:index="15" nillable="true" ma:displayName="Record Finalized On" ma:description="Record Finalized On" ma:format="DateOnly" ma:internalName="Record_x0020_Finalized_x0020_On" ma:readOnly="true">
      <xsd:simpleType>
        <xsd:restriction base="dms:DateTime"/>
      </xsd:simpleType>
    </xsd:element>
    <xsd:element name="Record_x0020_Retention_x0020_Type" ma:index="16" nillable="true" ma:displayName="Record Retention Type" ma:description="Record Retention Type" ma:internalName="Record_x0020_Retention_x0020_Type" ma:readOnly="true">
      <xsd:simpleType>
        <xsd:restriction base="dms:Text"/>
      </xsd:simpleType>
    </xsd:element>
    <xsd:element name="Record_x0020_Retention_x0020_Start_x0020_Date" ma:index="17" nillable="true" ma:displayName="Record Retention Start Date" ma:description="Record Retention Start Date" ma:format="DateOnly" ma:internalName="Record_x0020_Retention_x0020_Start_x0020_Date" ma:readOnly="true">
      <xsd:simpleType>
        <xsd:restriction base="dms:DateTime"/>
      </xsd:simpleType>
    </xsd:element>
    <xsd:element name="Record_x0020_Retention_x0020_End_x0020_Date" ma:index="18" nillable="true" ma:displayName="Record Retention End Date" ma:description="Record Retention End Date" ma:format="DateOnly" ma:internalName="Record_x0020_Retention_x0020_End_x0020_Date" ma:readOnly="true">
      <xsd:simpleType>
        <xsd:restriction base="dms:DateTime"/>
      </xsd:simpleType>
    </xsd:element>
    <xsd:element name="Record_x0020_Legal_x0020_Hold" ma:index="19" nillable="true" ma:displayName="Record Legal Hold" ma:description="Record Legal Hold" ma:internalName="Record_x0020_Legal_x0020_Hold" ma:readOnly="true">
      <xsd:simpleType>
        <xsd:restriction base="dms:Boolea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4.xml><?xml version="1.0" encoding="utf-8"?>
<?mso-contentType ?>
<spe:Receivers xmlns:spe="http://schemas.microsoft.com/sharepoint/events">
  <Receiver>
    <Name/>
    <Synchronization>Synchronous</Synchronization>
    <Type>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2</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3</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9</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2</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1</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10003</Type>
    <SequenceNumber>10000</SequenceNumber>
    <Url/>
    <Assembly>Jpmc.Sps.RecordsManagement, Version=1.0.0.0, Culture=neutral, PublicKeyToken=e8ead3752bfbf1f9</Assembly>
    <Class>Jpmc.Sps.RecordsManagement.EventReceivers.RecordContentTypeEventReceiver</Class>
    <Data/>
    <Filter/>
  </Receiver>
  <Receiver>
    <Name/>
    <Synchronization>Synchronous</Synchronization>
    <Type>9</Type>
    <SequenceNumber>10000</SequenceNumber>
    <Url/>
    <Assembly>Jpmc.Sps.RecordsManagement, Version=1.0.0.0, Culture=neutral, PublicKeyToken=e8ead3752bfbf1f9</Assembly>
    <Class>Jpmc.Sps.RecordsManagement.EventReceivers.RecordContentTypeEventReceiver</Class>
    <Data/>
    <Filter/>
  </Receiver>
</spe:Receivers>
</file>

<file path=customXml/itemProps1.xml><?xml version="1.0" encoding="utf-8"?>
<ds:datastoreItem xmlns:ds="http://schemas.openxmlformats.org/officeDocument/2006/customXml" ds:itemID="{9D19C47F-828F-4CC0-A073-696B14C10EE3}">
  <ds:schemaRefs>
    <ds:schemaRef ds:uri="http://schemas.microsoft.com/sharepoint/v3/contenttype/forms"/>
  </ds:schemaRefs>
</ds:datastoreItem>
</file>

<file path=customXml/itemProps2.xml><?xml version="1.0" encoding="utf-8"?>
<ds:datastoreItem xmlns:ds="http://schemas.openxmlformats.org/officeDocument/2006/customXml" ds:itemID="{D76A6E65-FFB4-49A2-ABC8-C31F2C9143A0}">
  <ds:schemaRefs>
    <ds:schemaRef ds:uri="http://schemas.microsoft.com/office/infopath/2007/PartnerControls"/>
    <ds:schemaRef ds:uri="http://purl.org/dc/elements/1.1/"/>
    <ds:schemaRef ds:uri="http://schemas.microsoft.com/office/2006/metadata/properties"/>
    <ds:schemaRef ds:uri="http://purl.org/dc/terms/"/>
    <ds:schemaRef ds:uri="e866b0dc-26f4-4c7c-849f-80ab9d82399c"/>
    <ds:schemaRef ds:uri="http://schemas.microsoft.com/office/2006/documentManagement/types"/>
    <ds:schemaRef ds:uri="http://schemas.openxmlformats.org/package/2006/metadata/core-properties"/>
    <ds:schemaRef ds:uri="http://www.w3.org/XML/1998/namespace"/>
    <ds:schemaRef ds:uri="http://purl.org/dc/dcmitype/"/>
  </ds:schemaRefs>
</ds:datastoreItem>
</file>

<file path=customXml/itemProps3.xml><?xml version="1.0" encoding="utf-8"?>
<ds:datastoreItem xmlns:ds="http://schemas.openxmlformats.org/officeDocument/2006/customXml" ds:itemID="{29F6654A-1E4F-4006-A791-13C6FA77D62C}">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e866b0dc-26f4-4c7c-849f-80ab9d82399c"/>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4.xml><?xml version="1.0" encoding="utf-8"?>
<ds:datastoreItem xmlns:ds="http://schemas.openxmlformats.org/officeDocument/2006/customXml" ds:itemID="{CDAD85C8-6123-406D-AAA9-9397AE52320A}">
  <ds:schemaRefs>
    <ds:schemaRef ds:uri="http://schemas.microsoft.com/sharepoint/events"/>
  </ds:schemaRefs>
</ds:datastoreItem>
</file>

<file path=docProps/app.xml><?xml version="1.0" encoding="utf-8"?>
<Properties xmlns="http://schemas.openxmlformats.org/officeDocument/2006/extended-properties" xmlns:vt="http://schemas.openxmlformats.org/officeDocument/2006/docPropsVTypes">
  <Template>Template_UnifiedGIB_Widescreen</Template>
  <TotalTime>0</TotalTime>
  <Words>1586</Words>
  <Application>Microsoft Office PowerPoint</Application>
  <PresentationFormat>Custom</PresentationFormat>
  <Paragraphs>193</Paragraphs>
  <Slides>13</Slides>
  <Notes>0</Notes>
  <HiddenSlides>0</HiddenSlides>
  <MMClips>0</MMClips>
  <ScaleCrop>false</ScaleCrop>
  <HeadingPairs>
    <vt:vector size="6" baseType="variant">
      <vt:variant>
        <vt:lpstr>Fonts Used</vt:lpstr>
      </vt:variant>
      <vt:variant>
        <vt:i4>3</vt:i4>
      </vt:variant>
      <vt:variant>
        <vt:lpstr>Theme</vt:lpstr>
      </vt:variant>
      <vt:variant>
        <vt:i4>1</vt:i4>
      </vt:variant>
      <vt:variant>
        <vt:lpstr>Slide Titles</vt:lpstr>
      </vt:variant>
      <vt:variant>
        <vt:i4>13</vt:i4>
      </vt:variant>
    </vt:vector>
  </HeadingPairs>
  <TitlesOfParts>
    <vt:vector size="17" baseType="lpstr">
      <vt:lpstr>AmplitudeTF</vt:lpstr>
      <vt:lpstr>Arial</vt:lpstr>
      <vt:lpstr>Wingdings</vt:lpstr>
      <vt:lpstr>PP+ UnifiedGIB - Widescreen</vt:lpstr>
      <vt:lpstr>Learning Management Systems</vt:lpstr>
      <vt:lpstr>Legal Disclaimer</vt:lpstr>
      <vt:lpstr>What is a Learning Management System?</vt:lpstr>
      <vt:lpstr>Why a Learning Management System?</vt:lpstr>
      <vt:lpstr>Possible Use Cases</vt:lpstr>
      <vt:lpstr>Use Case 1</vt:lpstr>
      <vt:lpstr>Use Case 2</vt:lpstr>
      <vt:lpstr>Use Case 3</vt:lpstr>
      <vt:lpstr>Choosing a Learning Management System</vt:lpstr>
      <vt:lpstr>Learning Management Systems Comparison Matrix</vt:lpstr>
      <vt:lpstr>Learning Management Systems Comparison Matrix (Continued)</vt:lpstr>
      <vt:lpstr>Change Management</vt:lpstr>
      <vt:lpstr>Questions?</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Gomez, Anna X</dc:creator>
  <cp:lastModifiedBy>Gomez, Anna X</cp:lastModifiedBy>
  <cp:revision>59</cp:revision>
  <dcterms:created xsi:type="dcterms:W3CDTF">2020-06-30T23:34:32Z</dcterms:created>
  <dcterms:modified xsi:type="dcterms:W3CDTF">2020-08-31T21:37:3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B04218B855DC944F9A559450E98DF04000317D809B83BE644EAD5526593C665108</vt:lpwstr>
  </property>
</Properties>
</file>